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4025\group\003_入選G\01　入選\06　転編入学\02 転編入学者選抜 4.1及び4.11\R6年度\02_R6.4.11付け\03_記者発表\05_HP\web掲載用\"/>
    </mc:Choice>
  </mc:AlternateContent>
  <bookViews>
    <workbookView xWindow="0" yWindow="0" windowWidth="28800" windowHeight="11870"/>
  </bookViews>
  <sheets>
    <sheet name="県立学校" sheetId="1" r:id="rId1"/>
  </sheets>
  <definedNames>
    <definedName name="_xlnm.Print_Area" localSheetId="0">県立学校!$A$1:$J$17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83" uniqueCount="261">
  <si>
    <t>別　紙　２</t>
    <rPh sb="0" eb="1">
      <t>ベツ</t>
    </rPh>
    <rPh sb="2" eb="3">
      <t>カミ</t>
    </rPh>
    <phoneticPr fontId="2"/>
  </si>
  <si>
    <t>　保護者の転居に伴う県外からの転入者や県内在住で教育的配慮を必要とする特別な事情を有する者等及び海外帰国による編入学者</t>
    <phoneticPr fontId="2"/>
  </si>
  <si>
    <t>１普通科（単位制を除く）</t>
    <phoneticPr fontId="2"/>
  </si>
  <si>
    <t>地区名</t>
    <rPh sb="0" eb="1">
      <t>チ</t>
    </rPh>
    <phoneticPr fontId="2"/>
  </si>
  <si>
    <t>学  校  名</t>
  </si>
  <si>
    <t>募集学年</t>
    <rPh sb="0" eb="2">
      <t>ボシュウ</t>
    </rPh>
    <rPh sb="2" eb="4">
      <t>ガクネン</t>
    </rPh>
    <phoneticPr fontId="2"/>
  </si>
  <si>
    <t>横浜北</t>
    <rPh sb="2" eb="3">
      <t>キタ</t>
    </rPh>
    <phoneticPr fontId="2"/>
  </si>
  <si>
    <t>鶴    見</t>
  </si>
  <si>
    <t>鎌倉藤沢</t>
  </si>
  <si>
    <t>鎌    倉</t>
  </si>
  <si>
    <t>横浜翠嵐</t>
  </si>
  <si>
    <t>茅ケ崎</t>
  </si>
  <si>
    <t>七里ガ浜</t>
  </si>
  <si>
    <t>城    郷</t>
  </si>
  <si>
    <t>大    船</t>
  </si>
  <si>
    <t>港    北</t>
  </si>
  <si>
    <t>深    沢</t>
  </si>
  <si>
    <t>新    羽</t>
  </si>
  <si>
    <t>湘    南</t>
  </si>
  <si>
    <t>岸    根</t>
  </si>
  <si>
    <t>藤 沢 西</t>
  </si>
  <si>
    <t>霧 が 丘</t>
  </si>
  <si>
    <t>湘 南 台</t>
  </si>
  <si>
    <t>白    山</t>
  </si>
  <si>
    <t>茅 ケ 崎</t>
  </si>
  <si>
    <t>市 ケ 尾</t>
  </si>
  <si>
    <t>茅ケ崎北陵</t>
  </si>
  <si>
    <t>田    奈</t>
  </si>
  <si>
    <t>鶴    嶺</t>
  </si>
  <si>
    <t>元 石 川</t>
  </si>
  <si>
    <t>茅ケ崎西浜</t>
  </si>
  <si>
    <t>川    和</t>
  </si>
  <si>
    <t>寒    川</t>
  </si>
  <si>
    <t>荏    田</t>
  </si>
  <si>
    <t>平塚秦野</t>
    <rPh sb="2" eb="4">
      <t>ハタノ</t>
    </rPh>
    <phoneticPr fontId="2"/>
  </si>
  <si>
    <t>平塚江南</t>
  </si>
  <si>
    <t>新    栄</t>
  </si>
  <si>
    <t>伊勢原</t>
  </si>
  <si>
    <t>高    浜</t>
  </si>
  <si>
    <t>横浜中</t>
    <rPh sb="2" eb="3">
      <t>ナカ</t>
    </rPh>
    <phoneticPr fontId="2"/>
  </si>
  <si>
    <t>希望ケ丘</t>
  </si>
  <si>
    <t>　</t>
  </si>
  <si>
    <t>大　　磯</t>
  </si>
  <si>
    <t>　 旭</t>
  </si>
  <si>
    <t>二　　宮</t>
  </si>
  <si>
    <t>松    陽</t>
  </si>
  <si>
    <t>秦　　野</t>
  </si>
  <si>
    <t>秦野曽屋</t>
  </si>
  <si>
    <t>伊 勢 原</t>
  </si>
  <si>
    <t>横浜平沼</t>
  </si>
  <si>
    <t>伊 志 田</t>
  </si>
  <si>
    <t>光    陵</t>
  </si>
  <si>
    <t>県　西</t>
  </si>
  <si>
    <t>小田原東</t>
    <rPh sb="0" eb="3">
      <t>オダワラ</t>
    </rPh>
    <rPh sb="3" eb="4">
      <t>ヒガシ</t>
    </rPh>
    <phoneticPr fontId="2"/>
  </si>
  <si>
    <t>保土ケ谷</t>
  </si>
  <si>
    <t>西　　湘</t>
  </si>
  <si>
    <t>舞    岡</t>
  </si>
  <si>
    <t>足　　柄</t>
  </si>
  <si>
    <t>上 矢 部</t>
  </si>
  <si>
    <t>大　　井</t>
  </si>
  <si>
    <t>金    井</t>
  </si>
  <si>
    <t>山　　北</t>
  </si>
  <si>
    <t>横浜南</t>
  </si>
  <si>
    <t>横浜南陵</t>
  </si>
  <si>
    <t>県　央</t>
    <rPh sb="0" eb="1">
      <t>ケン</t>
    </rPh>
    <rPh sb="2" eb="3">
      <t>ヒサシ</t>
    </rPh>
    <phoneticPr fontId="2"/>
  </si>
  <si>
    <t>厚    木</t>
  </si>
  <si>
    <t>永    谷</t>
  </si>
  <si>
    <t>柏    陽</t>
  </si>
  <si>
    <t>厚 木 北</t>
  </si>
  <si>
    <t>横浜緑ケ丘</t>
  </si>
  <si>
    <t>厚 木 西</t>
  </si>
  <si>
    <t>横浜立野</t>
  </si>
  <si>
    <t>海 老 名</t>
  </si>
  <si>
    <t>横浜氷取沢</t>
    <rPh sb="0" eb="1">
      <t>ヨコ</t>
    </rPh>
    <rPh sb="1" eb="2">
      <t>ハマ</t>
    </rPh>
    <rPh sb="2" eb="3">
      <t>コオリ</t>
    </rPh>
    <phoneticPr fontId="2"/>
  </si>
  <si>
    <t>有    馬</t>
  </si>
  <si>
    <t>釜 利 谷</t>
  </si>
  <si>
    <t>愛    川</t>
  </si>
  <si>
    <t>川　崎</t>
  </si>
  <si>
    <t>新    城</t>
  </si>
  <si>
    <t>大    和</t>
  </si>
  <si>
    <t>住    吉</t>
  </si>
  <si>
    <t>大 和 南</t>
  </si>
  <si>
    <t>川 崎 北</t>
  </si>
  <si>
    <t>大 和 東</t>
  </si>
  <si>
    <t>多    摩</t>
  </si>
  <si>
    <t>大 和 西</t>
  </si>
  <si>
    <t>生    田</t>
  </si>
  <si>
    <t>座    間</t>
  </si>
  <si>
    <t>百 合 丘</t>
  </si>
  <si>
    <t>綾    瀬</t>
  </si>
  <si>
    <t>生 田 東</t>
  </si>
  <si>
    <t>綾 瀬 西</t>
  </si>
  <si>
    <t xml:space="preserve"> 　菅</t>
  </si>
  <si>
    <t>相模原</t>
    <rPh sb="0" eb="3">
      <t>サガミハラ</t>
    </rPh>
    <phoneticPr fontId="2"/>
  </si>
  <si>
    <t>麻 溝 台</t>
  </si>
  <si>
    <t>麻    生</t>
  </si>
  <si>
    <t>上 鶴 間</t>
  </si>
  <si>
    <t>横須賀三浦</t>
  </si>
  <si>
    <t>横 須 賀</t>
  </si>
  <si>
    <t>上    溝</t>
  </si>
  <si>
    <t>横須賀大津</t>
  </si>
  <si>
    <t>相 模 原</t>
  </si>
  <si>
    <t>追    浜</t>
  </si>
  <si>
    <t xml:space="preserve">上 溝 南 </t>
  </si>
  <si>
    <t>津久井浜</t>
  </si>
  <si>
    <t>橋    本</t>
  </si>
  <si>
    <t>横須賀南</t>
    <rPh sb="3" eb="4">
      <t>ミナミ</t>
    </rPh>
    <phoneticPr fontId="2"/>
  </si>
  <si>
    <t>相模田名</t>
  </si>
  <si>
    <t>津 久 井</t>
  </si>
  <si>
    <t>２ 農業に関する学科</t>
  </si>
  <si>
    <t>学 科 名</t>
    <rPh sb="0" eb="1">
      <t>ガク</t>
    </rPh>
    <rPh sb="2" eb="3">
      <t>カ</t>
    </rPh>
    <rPh sb="4" eb="5">
      <t>メイ</t>
    </rPh>
    <phoneticPr fontId="2"/>
  </si>
  <si>
    <t>平塚農商</t>
    <rPh sb="3" eb="4">
      <t>ショウ</t>
    </rPh>
    <phoneticPr fontId="2"/>
  </si>
  <si>
    <t>都市農業科</t>
    <rPh sb="0" eb="2">
      <t>トシ</t>
    </rPh>
    <rPh sb="2" eb="4">
      <t>ノウギョウ</t>
    </rPh>
    <rPh sb="4" eb="5">
      <t>カ</t>
    </rPh>
    <phoneticPr fontId="2"/>
  </si>
  <si>
    <t>厚 木 北</t>
    <rPh sb="0" eb="1">
      <t>アツシ</t>
    </rPh>
    <rPh sb="2" eb="3">
      <t>キ</t>
    </rPh>
    <rPh sb="4" eb="5">
      <t>キタ</t>
    </rPh>
    <phoneticPr fontId="2"/>
  </si>
  <si>
    <t>スポーツ科学科</t>
    <rPh sb="4" eb="6">
      <t>カガク</t>
    </rPh>
    <rPh sb="6" eb="7">
      <t>カ</t>
    </rPh>
    <phoneticPr fontId="2"/>
  </si>
  <si>
    <t>都市環境科</t>
    <rPh sb="0" eb="2">
      <t>トシ</t>
    </rPh>
    <rPh sb="2" eb="4">
      <t>カンキョウ</t>
    </rPh>
    <rPh sb="4" eb="5">
      <t>カ</t>
    </rPh>
    <phoneticPr fontId="2"/>
  </si>
  <si>
    <t>食品科学科</t>
    <phoneticPr fontId="2"/>
  </si>
  <si>
    <t>農業総合科</t>
    <rPh sb="0" eb="2">
      <t>ノウギョウ</t>
    </rPh>
    <rPh sb="2" eb="4">
      <t>ソウゴウ</t>
    </rPh>
    <phoneticPr fontId="2"/>
  </si>
  <si>
    <t>相    原</t>
  </si>
  <si>
    <t>畜産科学科</t>
  </si>
  <si>
    <t>食品科学科</t>
  </si>
  <si>
    <t>白    山</t>
    <rPh sb="0" eb="1">
      <t>シロ</t>
    </rPh>
    <rPh sb="5" eb="6">
      <t>ヤマ</t>
    </rPh>
    <phoneticPr fontId="2"/>
  </si>
  <si>
    <t>美  術  科</t>
    <rPh sb="0" eb="1">
      <t>ビ</t>
    </rPh>
    <rPh sb="3" eb="4">
      <t>ジュツ</t>
    </rPh>
    <rPh sb="6" eb="7">
      <t>カ</t>
    </rPh>
    <phoneticPr fontId="2"/>
  </si>
  <si>
    <t>環境緑地科</t>
    <rPh sb="2" eb="4">
      <t>リョクチ</t>
    </rPh>
    <rPh sb="4" eb="5">
      <t>カ</t>
    </rPh>
    <phoneticPr fontId="2"/>
  </si>
  <si>
    <t>上 矢 部</t>
    <rPh sb="0" eb="1">
      <t>ウエ</t>
    </rPh>
    <rPh sb="2" eb="3">
      <t>ヤ</t>
    </rPh>
    <rPh sb="4" eb="5">
      <t>ブ</t>
    </rPh>
    <phoneticPr fontId="2"/>
  </si>
  <si>
    <t>中央農業</t>
  </si>
  <si>
    <t>園芸科学科</t>
  </si>
  <si>
    <t>募集の有無</t>
    <rPh sb="0" eb="2">
      <t>ボシュウ</t>
    </rPh>
    <rPh sb="3" eb="5">
      <t>ウム</t>
    </rPh>
    <phoneticPr fontId="2"/>
  </si>
  <si>
    <t>３ 工業に関する学科</t>
    <phoneticPr fontId="2"/>
  </si>
  <si>
    <t>神奈川総合</t>
  </si>
  <si>
    <t>普通科（個性化ｺｰｽ）</t>
    <rPh sb="0" eb="2">
      <t>フツウ</t>
    </rPh>
    <rPh sb="2" eb="3">
      <t>カ</t>
    </rPh>
    <rPh sb="4" eb="7">
      <t>コセイカ</t>
    </rPh>
    <phoneticPr fontId="2"/>
  </si>
  <si>
    <t>普通科（国際文化ｺｰｽ）</t>
    <rPh sb="0" eb="2">
      <t>フツウ</t>
    </rPh>
    <rPh sb="2" eb="3">
      <t>カ</t>
    </rPh>
    <rPh sb="4" eb="6">
      <t>コクサイ</t>
    </rPh>
    <rPh sb="6" eb="8">
      <t>ブンカ</t>
    </rPh>
    <phoneticPr fontId="2"/>
  </si>
  <si>
    <t>横浜旭陵</t>
  </si>
  <si>
    <t>普  通  科</t>
  </si>
  <si>
    <t>神奈川工業</t>
  </si>
  <si>
    <t>機  械  科</t>
  </si>
  <si>
    <t>横浜緑園</t>
    <rPh sb="2" eb="4">
      <t>リョクエン</t>
    </rPh>
    <phoneticPr fontId="2"/>
  </si>
  <si>
    <t>普　通　科</t>
    <rPh sb="0" eb="1">
      <t>フ</t>
    </rPh>
    <rPh sb="2" eb="3">
      <t>ツウ</t>
    </rPh>
    <rPh sb="4" eb="5">
      <t>カ</t>
    </rPh>
    <phoneticPr fontId="2"/>
  </si>
  <si>
    <t>建  設  科</t>
  </si>
  <si>
    <t>横浜桜陽</t>
  </si>
  <si>
    <t>電  気  科</t>
  </si>
  <si>
    <t>横浜清陵</t>
    <rPh sb="0" eb="2">
      <t>ヨコハマ</t>
    </rPh>
    <rPh sb="2" eb="3">
      <t>セイ</t>
    </rPh>
    <rPh sb="3" eb="4">
      <t>リョウ</t>
    </rPh>
    <phoneticPr fontId="2"/>
  </si>
  <si>
    <t>デザイン科</t>
  </si>
  <si>
    <t>横 浜 栄</t>
    <rPh sb="0" eb="1">
      <t>ヨコ</t>
    </rPh>
    <rPh sb="2" eb="3">
      <t>ハマ</t>
    </rPh>
    <rPh sb="4" eb="5">
      <t>サカエ</t>
    </rPh>
    <phoneticPr fontId="2"/>
  </si>
  <si>
    <t>商    工</t>
  </si>
  <si>
    <t>総合技術科</t>
    <rPh sb="0" eb="2">
      <t>ソウゴウ</t>
    </rPh>
    <rPh sb="2" eb="5">
      <t>ギジュツカ</t>
    </rPh>
    <phoneticPr fontId="2"/>
  </si>
  <si>
    <t>川　　崎</t>
    <phoneticPr fontId="2"/>
  </si>
  <si>
    <t>磯子工業</t>
  </si>
  <si>
    <t>大　　師</t>
    <rPh sb="0" eb="1">
      <t>ダイ</t>
    </rPh>
    <rPh sb="3" eb="4">
      <t>シ</t>
    </rPh>
    <phoneticPr fontId="2"/>
  </si>
  <si>
    <t>三浦初声</t>
    <rPh sb="2" eb="3">
      <t>ハツ</t>
    </rPh>
    <rPh sb="3" eb="4">
      <t>コエ</t>
    </rPh>
    <phoneticPr fontId="2"/>
  </si>
  <si>
    <t>藤沢清流</t>
    <rPh sb="0" eb="2">
      <t>フジサワ</t>
    </rPh>
    <rPh sb="2" eb="4">
      <t>セイリュウ</t>
    </rPh>
    <phoneticPr fontId="2"/>
  </si>
  <si>
    <t>化  学  科</t>
  </si>
  <si>
    <t>平塚湘風</t>
    <rPh sb="0" eb="2">
      <t>ヒラツカ</t>
    </rPh>
    <rPh sb="2" eb="4">
      <t>ショウフウ</t>
    </rPh>
    <phoneticPr fontId="2"/>
  </si>
  <si>
    <t>川崎工科</t>
    <rPh sb="2" eb="4">
      <t>コウカ</t>
    </rPh>
    <phoneticPr fontId="2"/>
  </si>
  <si>
    <t>小 田 原</t>
    <rPh sb="0" eb="1">
      <t>ショウ</t>
    </rPh>
    <rPh sb="2" eb="3">
      <t>タ</t>
    </rPh>
    <rPh sb="4" eb="5">
      <t>ハラ</t>
    </rPh>
    <phoneticPr fontId="2"/>
  </si>
  <si>
    <t>向の岡工業</t>
  </si>
  <si>
    <t>厚木清南</t>
    <rPh sb="0" eb="2">
      <t>アツギ</t>
    </rPh>
    <rPh sb="2" eb="4">
      <t>セイナン</t>
    </rPh>
    <phoneticPr fontId="2"/>
  </si>
  <si>
    <t>相模原弥栄</t>
    <phoneticPr fontId="2"/>
  </si>
  <si>
    <t>横須賀工業</t>
  </si>
  <si>
    <t>平塚工科</t>
  </si>
  <si>
    <t>総合技術科</t>
  </si>
  <si>
    <t>鶴見総合</t>
  </si>
  <si>
    <t>総 合 学 科</t>
  </si>
  <si>
    <t>藤沢工科</t>
  </si>
  <si>
    <t>金沢総合</t>
  </si>
  <si>
    <t>小田原</t>
  </si>
  <si>
    <t>麻生総合</t>
  </si>
  <si>
    <t>城北工業</t>
  </si>
  <si>
    <t>藤沢総合</t>
  </si>
  <si>
    <t>秦野総合</t>
    <rPh sb="0" eb="2">
      <t>ハタノ</t>
    </rPh>
    <phoneticPr fontId="2"/>
  </si>
  <si>
    <t>座間総合</t>
    <rPh sb="0" eb="2">
      <t>ザマ</t>
    </rPh>
    <rPh sb="2" eb="4">
      <t>ソウゴウ</t>
    </rPh>
    <phoneticPr fontId="2"/>
  </si>
  <si>
    <t>４ 商業に関する学科</t>
  </si>
  <si>
    <t>総合ビジネス科</t>
    <rPh sb="0" eb="2">
      <t>ソウゴウ</t>
    </rPh>
    <phoneticPr fontId="2"/>
  </si>
  <si>
    <t>平塚農商</t>
    <rPh sb="2" eb="3">
      <t>ノウ</t>
    </rPh>
    <rPh sb="3" eb="4">
      <t>ショウ</t>
    </rPh>
    <phoneticPr fontId="2"/>
  </si>
  <si>
    <t>三浦初声</t>
    <rPh sb="0" eb="2">
      <t>ミウラ</t>
    </rPh>
    <rPh sb="2" eb="4">
      <t>ハッセ</t>
    </rPh>
    <phoneticPr fontId="2"/>
  </si>
  <si>
    <t>小田原東</t>
    <rPh sb="3" eb="4">
      <t>ヒガシ</t>
    </rPh>
    <phoneticPr fontId="2"/>
  </si>
  <si>
    <t>吉 田 島</t>
    <rPh sb="0" eb="1">
      <t>キチ</t>
    </rPh>
    <rPh sb="2" eb="3">
      <t>タ</t>
    </rPh>
    <rPh sb="4" eb="5">
      <t>ジマ</t>
    </rPh>
    <phoneticPr fontId="2"/>
  </si>
  <si>
    <t>食品加工科</t>
    <rPh sb="0" eb="2">
      <t>ショクヒン</t>
    </rPh>
    <rPh sb="2" eb="4">
      <t>カコウ</t>
    </rPh>
    <rPh sb="4" eb="5">
      <t>カ</t>
    </rPh>
    <phoneticPr fontId="2"/>
  </si>
  <si>
    <t>環境緑地科</t>
    <rPh sb="0" eb="2">
      <t>カンキョウ</t>
    </rPh>
    <rPh sb="2" eb="4">
      <t>リョクチ</t>
    </rPh>
    <rPh sb="4" eb="5">
      <t>カ</t>
    </rPh>
    <phoneticPr fontId="2"/>
  </si>
  <si>
    <t>二俣川</t>
    <phoneticPr fontId="2"/>
  </si>
  <si>
    <t>看　護　科</t>
  </si>
  <si>
    <t>看護福祉</t>
  </si>
  <si>
    <t>福  祉  科</t>
    <phoneticPr fontId="2"/>
  </si>
  <si>
    <t>吉 田 島</t>
    <rPh sb="0" eb="1">
      <t>ヨシ</t>
    </rPh>
    <rPh sb="2" eb="3">
      <t>タ</t>
    </rPh>
    <rPh sb="4" eb="5">
      <t>シマ</t>
    </rPh>
    <phoneticPr fontId="2"/>
  </si>
  <si>
    <t>生活科学科</t>
    <rPh sb="0" eb="2">
      <t>セイカツ</t>
    </rPh>
    <rPh sb="2" eb="4">
      <t>カガク</t>
    </rPh>
    <rPh sb="4" eb="5">
      <t>カ</t>
    </rPh>
    <phoneticPr fontId="2"/>
  </si>
  <si>
    <t>横須賀南</t>
    <rPh sb="0" eb="4">
      <t>ヨコスカミナミ</t>
    </rPh>
    <phoneticPr fontId="2"/>
  </si>
  <si>
    <t>津 久 井</t>
    <rPh sb="0" eb="1">
      <t>ツ</t>
    </rPh>
    <rPh sb="2" eb="3">
      <t>ヒサシ</t>
    </rPh>
    <rPh sb="4" eb="5">
      <t>イ</t>
    </rPh>
    <phoneticPr fontId="2"/>
  </si>
  <si>
    <t>学 科 名</t>
  </si>
  <si>
    <t>相模原弥栄</t>
    <phoneticPr fontId="2"/>
  </si>
  <si>
    <t>愛　　川</t>
  </si>
  <si>
    <t>大 和 南</t>
    <rPh sb="0" eb="1">
      <t>ダイ</t>
    </rPh>
    <rPh sb="2" eb="3">
      <t>ワ</t>
    </rPh>
    <rPh sb="4" eb="5">
      <t>ミナミ</t>
    </rPh>
    <phoneticPr fontId="2"/>
  </si>
  <si>
    <t>普　通　科</t>
    <phoneticPr fontId="2"/>
  </si>
  <si>
    <t>伊 勢 原</t>
    <rPh sb="0" eb="1">
      <t>イ</t>
    </rPh>
    <rPh sb="2" eb="3">
      <t>ゼイ</t>
    </rPh>
    <rPh sb="4" eb="5">
      <t>ハラ</t>
    </rPh>
    <phoneticPr fontId="2"/>
  </si>
  <si>
    <t>橋　　本</t>
    <rPh sb="0" eb="1">
      <t>ハシ</t>
    </rPh>
    <rPh sb="3" eb="4">
      <t>モト</t>
    </rPh>
    <phoneticPr fontId="2"/>
  </si>
  <si>
    <t>音　楽　科</t>
    <rPh sb="0" eb="1">
      <t>オト</t>
    </rPh>
    <rPh sb="2" eb="3">
      <t>ラク</t>
    </rPh>
    <rPh sb="4" eb="5">
      <t>カ</t>
    </rPh>
    <phoneticPr fontId="2"/>
  </si>
  <si>
    <t>単位制普通科</t>
    <phoneticPr fontId="2"/>
  </si>
  <si>
    <t>川    崎</t>
    <rPh sb="0" eb="1">
      <t>カワ</t>
    </rPh>
    <rPh sb="5" eb="6">
      <t>ザキ</t>
    </rPh>
    <phoneticPr fontId="2"/>
  </si>
  <si>
    <t>単位制普通科</t>
    <rPh sb="0" eb="2">
      <t>タンイ</t>
    </rPh>
    <rPh sb="2" eb="3">
      <t>セイ</t>
    </rPh>
    <rPh sb="3" eb="5">
      <t>フツウ</t>
    </rPh>
    <rPh sb="5" eb="6">
      <t>カ</t>
    </rPh>
    <phoneticPr fontId="2"/>
  </si>
  <si>
    <t>大    師</t>
    <rPh sb="0" eb="1">
      <t>ダイ</t>
    </rPh>
    <rPh sb="5" eb="6">
      <t>シ</t>
    </rPh>
    <phoneticPr fontId="2"/>
  </si>
  <si>
    <t>単位制普通科</t>
    <rPh sb="0" eb="3">
      <t>タンイセイ</t>
    </rPh>
    <rPh sb="3" eb="6">
      <t>フツウカ</t>
    </rPh>
    <phoneticPr fontId="2"/>
  </si>
  <si>
    <t>美　術　科</t>
    <rPh sb="0" eb="1">
      <t>ビ</t>
    </rPh>
    <rPh sb="2" eb="3">
      <t>ジュツ</t>
    </rPh>
    <rPh sb="4" eb="5">
      <t>カ</t>
    </rPh>
    <phoneticPr fontId="2"/>
  </si>
  <si>
    <t>単位制総合学科</t>
    <rPh sb="0" eb="3">
      <t>タンイセイ</t>
    </rPh>
    <phoneticPr fontId="2"/>
  </si>
  <si>
    <t>横浜国際</t>
    <rPh sb="0" eb="1">
      <t>ヨコ</t>
    </rPh>
    <rPh sb="1" eb="2">
      <t>ハマ</t>
    </rPh>
    <rPh sb="2" eb="4">
      <t>コクサイ</t>
    </rPh>
    <phoneticPr fontId="2"/>
  </si>
  <si>
    <t>国　際　科</t>
    <rPh sb="0" eb="1">
      <t>クニ</t>
    </rPh>
    <rPh sb="2" eb="3">
      <t>サイ</t>
    </rPh>
    <rPh sb="4" eb="5">
      <t>カ</t>
    </rPh>
    <phoneticPr fontId="2"/>
  </si>
  <si>
    <r>
      <t xml:space="preserve">国　際　科
</t>
    </r>
    <r>
      <rPr>
        <sz val="10"/>
        <rFont val="ＭＳ 明朝"/>
        <family val="1"/>
        <charset val="128"/>
      </rPr>
      <t>（国際バカロレアコース）</t>
    </r>
    <rPh sb="0" eb="1">
      <t>クニ</t>
    </rPh>
    <rPh sb="2" eb="3">
      <t>サイ</t>
    </rPh>
    <rPh sb="4" eb="5">
      <t>カ</t>
    </rPh>
    <rPh sb="7" eb="9">
      <t>コクサイ</t>
    </rPh>
    <phoneticPr fontId="2"/>
  </si>
  <si>
    <t>神奈川</t>
  </si>
  <si>
    <t>総合産業科</t>
    <rPh sb="0" eb="2">
      <t>ソウゴウ</t>
    </rPh>
    <rPh sb="2" eb="4">
      <t>サンギョウ</t>
    </rPh>
    <rPh sb="4" eb="5">
      <t>カ</t>
    </rPh>
    <phoneticPr fontId="2"/>
  </si>
  <si>
    <t>総合産業</t>
  </si>
  <si>
    <t>神奈川総合</t>
    <rPh sb="0" eb="3">
      <t>カナガワ</t>
    </rPh>
    <rPh sb="3" eb="5">
      <t>ソウゴウ</t>
    </rPh>
    <phoneticPr fontId="2"/>
  </si>
  <si>
    <t>舞台芸術科</t>
    <rPh sb="0" eb="2">
      <t>ブタイ</t>
    </rPh>
    <rPh sb="2" eb="4">
      <t>ゲイジュツ</t>
    </rPh>
    <rPh sb="4" eb="5">
      <t>カ</t>
    </rPh>
    <phoneticPr fontId="2"/>
  </si>
  <si>
    <t>新    城</t>
    <phoneticPr fontId="2"/>
  </si>
  <si>
    <t>西    湘</t>
    <rPh sb="0" eb="1">
      <t>セイ</t>
    </rPh>
    <rPh sb="5" eb="6">
      <t>ショウ</t>
    </rPh>
    <phoneticPr fontId="2"/>
  </si>
  <si>
    <t>伊 志 田</t>
    <rPh sb="0" eb="1">
      <t>イ</t>
    </rPh>
    <rPh sb="2" eb="3">
      <t>ココロザシ</t>
    </rPh>
    <rPh sb="4" eb="5">
      <t>タ</t>
    </rPh>
    <phoneticPr fontId="2"/>
  </si>
  <si>
    <t>単位制普通科（国際文化ｺｰｽ）</t>
    <phoneticPr fontId="2"/>
  </si>
  <si>
    <t>横浜国際</t>
  </si>
  <si>
    <t>単位制国際科</t>
    <phoneticPr fontId="2"/>
  </si>
  <si>
    <r>
      <t xml:space="preserve">単位制国際科　
</t>
    </r>
    <r>
      <rPr>
        <sz val="10"/>
        <rFont val="ＭＳ 明朝"/>
        <family val="1"/>
        <charset val="128"/>
      </rPr>
      <t>（国際バカロレアコース）</t>
    </r>
    <rPh sb="0" eb="3">
      <t>タンイセイ</t>
    </rPh>
    <rPh sb="3" eb="5">
      <t>コクサイ</t>
    </rPh>
    <rPh sb="5" eb="6">
      <t>カ</t>
    </rPh>
    <rPh sb="9" eb="11">
      <t>コクサイ</t>
    </rPh>
    <phoneticPr fontId="2"/>
  </si>
  <si>
    <t>相模原弥栄</t>
  </si>
  <si>
    <t>逗子葉山</t>
    <rPh sb="0" eb="2">
      <t>ズシ</t>
    </rPh>
    <rPh sb="2" eb="4">
      <t>ハヤマ</t>
    </rPh>
    <phoneticPr fontId="2"/>
  </si>
  <si>
    <t>横浜瀬谷</t>
    <rPh sb="0" eb="2">
      <t>ヨコハマ</t>
    </rPh>
    <rPh sb="2" eb="4">
      <t>セヤ</t>
    </rPh>
    <phoneticPr fontId="2"/>
  </si>
  <si>
    <t>相模原城山</t>
    <rPh sb="3" eb="5">
      <t>シロヤマ</t>
    </rPh>
    <phoneticPr fontId="2"/>
  </si>
  <si>
    <t>建　設  科</t>
    <rPh sb="0" eb="1">
      <t>ケン</t>
    </rPh>
    <rPh sb="2" eb="3">
      <t>セツ</t>
    </rPh>
    <phoneticPr fontId="2"/>
  </si>
  <si>
    <t>電　気  科</t>
    <rPh sb="0" eb="1">
      <t>デン</t>
    </rPh>
    <rPh sb="2" eb="3">
      <t>キ</t>
    </rPh>
    <phoneticPr fontId="2"/>
  </si>
  <si>
    <t>新　　栄</t>
    <rPh sb="0" eb="1">
      <t>シン</t>
    </rPh>
    <rPh sb="3" eb="4">
      <t>サカエ</t>
    </rPh>
    <phoneticPr fontId="2"/>
  </si>
  <si>
    <t>高　　浜</t>
    <rPh sb="0" eb="1">
      <t>コウ</t>
    </rPh>
    <rPh sb="3" eb="4">
      <t>ハマ</t>
    </rPh>
    <phoneticPr fontId="2"/>
  </si>
  <si>
    <t>単位制普通科</t>
  </si>
  <si>
    <t>横浜旭陵</t>
    <rPh sb="0" eb="2">
      <t>ヨコハマ</t>
    </rPh>
    <rPh sb="2" eb="4">
      <t>キョクリョウ</t>
    </rPh>
    <phoneticPr fontId="2"/>
  </si>
  <si>
    <t>藤沢総合</t>
    <rPh sb="0" eb="2">
      <t>フジサワ</t>
    </rPh>
    <rPh sb="2" eb="4">
      <t>ソウゴウ</t>
    </rPh>
    <phoneticPr fontId="2"/>
  </si>
  <si>
    <t>12 単位制による農業に関する学科</t>
    <rPh sb="9" eb="11">
      <t>ノウギョウ</t>
    </rPh>
    <rPh sb="12" eb="13">
      <t>カン</t>
    </rPh>
    <rPh sb="15" eb="17">
      <t>ガッカ</t>
    </rPh>
    <phoneticPr fontId="2"/>
  </si>
  <si>
    <t>11 単位制による総合学科</t>
    <rPh sb="3" eb="6">
      <t>タンイセイ</t>
    </rPh>
    <phoneticPr fontId="2"/>
  </si>
  <si>
    <t>10 単位制による普通科</t>
    <phoneticPr fontId="2"/>
  </si>
  <si>
    <t>９ 美術に関する学科</t>
    <rPh sb="2" eb="4">
      <t>ビジュツ</t>
    </rPh>
    <phoneticPr fontId="2"/>
  </si>
  <si>
    <t>８ 体育に関する学科</t>
    <rPh sb="2" eb="4">
      <t>タイイク</t>
    </rPh>
    <phoneticPr fontId="2"/>
  </si>
  <si>
    <t>７ 福祉に関する学科</t>
    <phoneticPr fontId="2"/>
  </si>
  <si>
    <t>６ 看護に関する学科</t>
    <rPh sb="2" eb="4">
      <t>カンゴ</t>
    </rPh>
    <phoneticPr fontId="2"/>
  </si>
  <si>
    <t>５ 水産に関する学科</t>
    <rPh sb="2" eb="4">
      <t>スイサン</t>
    </rPh>
    <phoneticPr fontId="2"/>
  </si>
  <si>
    <t>海洋科学</t>
    <rPh sb="0" eb="2">
      <t>カイヨウ</t>
    </rPh>
    <rPh sb="2" eb="4">
      <t>カガク</t>
    </rPh>
    <phoneticPr fontId="2"/>
  </si>
  <si>
    <t>船舶運航科</t>
    <rPh sb="0" eb="2">
      <t>センパク</t>
    </rPh>
    <rPh sb="2" eb="4">
      <t>ウンコウ</t>
    </rPh>
    <rPh sb="4" eb="5">
      <t>カ</t>
    </rPh>
    <phoneticPr fontId="2"/>
  </si>
  <si>
    <t>水産食品科</t>
    <rPh sb="0" eb="2">
      <t>スイサン</t>
    </rPh>
    <rPh sb="2" eb="4">
      <t>ショクヒン</t>
    </rPh>
    <rPh sb="4" eb="5">
      <t>カ</t>
    </rPh>
    <phoneticPr fontId="2"/>
  </si>
  <si>
    <t>無線技術科</t>
    <rPh sb="0" eb="2">
      <t>ムセン</t>
    </rPh>
    <rPh sb="2" eb="4">
      <t>ギジュツ</t>
    </rPh>
    <rPh sb="4" eb="5">
      <t>カ</t>
    </rPh>
    <phoneticPr fontId="2"/>
  </si>
  <si>
    <t>生物環境科</t>
    <rPh sb="0" eb="2">
      <t>セイブツ</t>
    </rPh>
    <rPh sb="2" eb="4">
      <t>カンキョウ</t>
    </rPh>
    <rPh sb="4" eb="5">
      <t>カ</t>
    </rPh>
    <phoneticPr fontId="2"/>
  </si>
  <si>
    <t>対象者</t>
    <rPh sb="0" eb="3">
      <t>タイショウシャ</t>
    </rPh>
    <phoneticPr fontId="2"/>
  </si>
  <si>
    <t>令和６年４月11日付け県立高等学校転入学・編入学者選抜実施計画（全日制の課程）</t>
    <phoneticPr fontId="2"/>
  </si>
  <si>
    <t>厚木王子</t>
    <rPh sb="2" eb="3">
      <t>オウ</t>
    </rPh>
    <rPh sb="3" eb="4">
      <t>コ</t>
    </rPh>
    <phoneticPr fontId="2"/>
  </si>
  <si>
    <t>厚木王子</t>
    <rPh sb="2" eb="4">
      <t>オウジ</t>
    </rPh>
    <phoneticPr fontId="2"/>
  </si>
  <si>
    <t>13 単位制による家庭に関する学科</t>
    <rPh sb="9" eb="11">
      <t>カテイ</t>
    </rPh>
    <rPh sb="12" eb="13">
      <t>カン</t>
    </rPh>
    <rPh sb="15" eb="17">
      <t>ガッカ</t>
    </rPh>
    <phoneticPr fontId="2"/>
  </si>
  <si>
    <t>14 単位制による体育に関する学科</t>
    <rPh sb="9" eb="11">
      <t>タイイク</t>
    </rPh>
    <rPh sb="12" eb="13">
      <t>カン</t>
    </rPh>
    <rPh sb="15" eb="17">
      <t>ガッカ</t>
    </rPh>
    <phoneticPr fontId="2"/>
  </si>
  <si>
    <t>15 単位制による音楽に関する学科</t>
    <rPh sb="9" eb="11">
      <t>オンガク</t>
    </rPh>
    <rPh sb="12" eb="13">
      <t>カン</t>
    </rPh>
    <rPh sb="15" eb="17">
      <t>ガッカ</t>
    </rPh>
    <phoneticPr fontId="2"/>
  </si>
  <si>
    <t>16 単位制による美術に関する学科</t>
    <rPh sb="9" eb="11">
      <t>ビジュツ</t>
    </rPh>
    <rPh sb="12" eb="13">
      <t>カン</t>
    </rPh>
    <rPh sb="15" eb="17">
      <t>ガッカ</t>
    </rPh>
    <phoneticPr fontId="2"/>
  </si>
  <si>
    <t>17 単位制による国際関係に関する学科</t>
    <rPh sb="9" eb="11">
      <t>コクサイ</t>
    </rPh>
    <rPh sb="11" eb="13">
      <t>カンケイ</t>
    </rPh>
    <rPh sb="14" eb="15">
      <t>カン</t>
    </rPh>
    <rPh sb="17" eb="19">
      <t>ガッカ</t>
    </rPh>
    <phoneticPr fontId="2"/>
  </si>
  <si>
    <t>18 単位制による総合産業に関する学科</t>
    <rPh sb="9" eb="11">
      <t>ソウゴウ</t>
    </rPh>
    <rPh sb="11" eb="13">
      <t>サンギョウ</t>
    </rPh>
    <rPh sb="14" eb="15">
      <t>カン</t>
    </rPh>
    <rPh sb="17" eb="19">
      <t>ガッカ</t>
    </rPh>
    <phoneticPr fontId="2"/>
  </si>
  <si>
    <t>19 単位制による舞台芸術に関する学科</t>
    <rPh sb="9" eb="11">
      <t>ブタイ</t>
    </rPh>
    <rPh sb="11" eb="13">
      <t>ゲイジュツ</t>
    </rPh>
    <rPh sb="14" eb="15">
      <t>カン</t>
    </rPh>
    <rPh sb="17" eb="19">
      <t>ガッカ</t>
    </rPh>
    <phoneticPr fontId="2"/>
  </si>
  <si>
    <t>20 海外帰国生徒特別募集</t>
    <phoneticPr fontId="2"/>
  </si>
  <si>
    <t>21 在県外国人等特別募集</t>
    <phoneticPr fontId="2"/>
  </si>
  <si>
    <t>（令和６年３月19日現在）</t>
    <rPh sb="6" eb="7">
      <t>ガツ</t>
    </rPh>
    <rPh sb="9" eb="10">
      <t>ヒ</t>
    </rPh>
    <rPh sb="10" eb="12">
      <t>ゲンザイ</t>
    </rPh>
    <phoneticPr fontId="2"/>
  </si>
  <si>
    <t>1,2,3</t>
  </si>
  <si>
    <t>1,2,3</t>
    <phoneticPr fontId="2"/>
  </si>
  <si>
    <t>有</t>
    <rPh sb="0" eb="1">
      <t>アリ</t>
    </rPh>
    <phoneticPr fontId="2"/>
  </si>
  <si>
    <t>無</t>
    <rPh sb="0" eb="1">
      <t>ナシ</t>
    </rPh>
    <phoneticPr fontId="2"/>
  </si>
  <si>
    <t>2,3</t>
    <phoneticPr fontId="2"/>
  </si>
  <si>
    <t>1,2,3</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1"/>
      <name val="ＭＳ Ｐゴシック"/>
      <family val="3"/>
      <charset val="128"/>
    </font>
    <font>
      <sz val="14"/>
      <name val="ＭＳ 明朝"/>
      <family val="1"/>
      <charset val="128"/>
    </font>
    <font>
      <sz val="6"/>
      <name val="ＭＳ Ｐゴシック"/>
      <family val="3"/>
      <charset val="128"/>
    </font>
    <font>
      <sz val="11"/>
      <name val="ＭＳ 明朝"/>
      <family val="1"/>
      <charset val="128"/>
    </font>
    <font>
      <sz val="10"/>
      <name val="ＭＳ 明朝"/>
      <family val="1"/>
      <charset val="128"/>
    </font>
  </fonts>
  <fills count="3">
    <fill>
      <patternFill patternType="none"/>
    </fill>
    <fill>
      <patternFill patternType="gray125"/>
    </fill>
    <fill>
      <patternFill patternType="solid">
        <fgColor theme="0"/>
        <bgColor indexed="64"/>
      </patternFill>
    </fill>
  </fills>
  <borders count="36">
    <border>
      <left/>
      <right/>
      <top/>
      <bottom/>
      <diagonal/>
    </border>
    <border>
      <left style="thin">
        <color indexed="64"/>
      </left>
      <right style="thin">
        <color indexed="64"/>
      </right>
      <top style="thin">
        <color indexed="64"/>
      </top>
      <bottom style="thin">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bottom/>
      <diagonal/>
    </border>
    <border>
      <left style="thin">
        <color indexed="64"/>
      </left>
      <right/>
      <top style="thin">
        <color indexed="64"/>
      </top>
      <bottom style="dashed">
        <color indexed="64"/>
      </bottom>
      <diagonal/>
    </border>
    <border>
      <left style="thin">
        <color indexed="64"/>
      </left>
      <right/>
      <top style="thin">
        <color indexed="64"/>
      </top>
      <bottom/>
      <diagonal/>
    </border>
    <border>
      <left style="thin">
        <color indexed="64"/>
      </left>
      <right style="thin">
        <color indexed="64"/>
      </right>
      <top style="thin">
        <color indexed="64"/>
      </top>
      <bottom style="dashed">
        <color indexed="64"/>
      </bottom>
      <diagonal/>
    </border>
    <border>
      <left style="thin">
        <color indexed="64"/>
      </left>
      <right/>
      <top/>
      <bottom/>
      <diagonal/>
    </border>
    <border>
      <left/>
      <right/>
      <top/>
      <bottom style="thin">
        <color indexed="64"/>
      </bottom>
      <diagonal/>
    </border>
    <border>
      <left/>
      <right style="thin">
        <color indexed="64"/>
      </right>
      <top style="thin">
        <color indexed="64"/>
      </top>
      <bottom/>
      <diagonal/>
    </border>
    <border>
      <left/>
      <right/>
      <top style="thin">
        <color indexed="64"/>
      </top>
      <bottom/>
      <diagonal/>
    </border>
    <border>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thin">
        <color indexed="64"/>
      </right>
      <top style="double">
        <color indexed="64"/>
      </top>
      <bottom/>
      <diagonal/>
    </border>
    <border>
      <left style="thin">
        <color indexed="64"/>
      </left>
      <right style="thin">
        <color indexed="64"/>
      </right>
      <top style="thin">
        <color indexed="64"/>
      </top>
      <bottom style="dotted">
        <color indexed="64"/>
      </bottom>
      <diagonal/>
    </border>
    <border>
      <left style="thin">
        <color indexed="64"/>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top style="double">
        <color indexed="64"/>
      </top>
      <bottom/>
      <diagonal/>
    </border>
    <border>
      <left/>
      <right style="thin">
        <color indexed="64"/>
      </right>
      <top style="double">
        <color indexed="64"/>
      </top>
      <bottom/>
      <diagonal/>
    </border>
  </borders>
  <cellStyleXfs count="1">
    <xf numFmtId="0" fontId="0" fillId="0" borderId="0"/>
  </cellStyleXfs>
  <cellXfs count="100">
    <xf numFmtId="0" fontId="0" fillId="0" borderId="0" xfId="0"/>
    <xf numFmtId="0" fontId="1" fillId="2" borderId="1" xfId="0" applyFont="1" applyFill="1" applyBorder="1" applyAlignment="1">
      <alignment horizontal="center" vertical="center"/>
    </xf>
    <xf numFmtId="0" fontId="3" fillId="2" borderId="0" xfId="0" applyFont="1" applyFill="1"/>
    <xf numFmtId="0" fontId="3" fillId="2" borderId="0" xfId="0" applyFont="1" applyFill="1" applyAlignment="1">
      <alignment horizontal="center"/>
    </xf>
    <xf numFmtId="0" fontId="3" fillId="2" borderId="0" xfId="0" applyFont="1" applyFill="1" applyAlignment="1">
      <alignment horizontal="center" vertical="center"/>
    </xf>
    <xf numFmtId="0" fontId="3" fillId="2" borderId="0" xfId="0" applyFont="1" applyFill="1" applyBorder="1"/>
    <xf numFmtId="0" fontId="3" fillId="2" borderId="0" xfId="0" applyFont="1" applyFill="1" applyBorder="1" applyAlignment="1">
      <alignment horizontal="center"/>
    </xf>
    <xf numFmtId="0" fontId="3" fillId="2" borderId="0" xfId="0" applyFont="1" applyFill="1" applyBorder="1" applyAlignment="1">
      <alignment horizontal="center" vertical="center"/>
    </xf>
    <xf numFmtId="0" fontId="3" fillId="2" borderId="2" xfId="0" applyFont="1" applyFill="1" applyBorder="1" applyAlignment="1">
      <alignment vertical="center"/>
    </xf>
    <xf numFmtId="0" fontId="3" fillId="2" borderId="3" xfId="0" applyFont="1" applyFill="1" applyBorder="1" applyAlignment="1">
      <alignment vertical="center"/>
    </xf>
    <xf numFmtId="0" fontId="3" fillId="2" borderId="3" xfId="0" applyFont="1" applyFill="1" applyBorder="1" applyAlignment="1">
      <alignment horizontal="center" vertical="center"/>
    </xf>
    <xf numFmtId="0" fontId="3" fillId="2" borderId="3" xfId="0" applyFont="1" applyFill="1" applyBorder="1" applyAlignment="1">
      <alignment horizontal="left" vertical="center"/>
    </xf>
    <xf numFmtId="0" fontId="3" fillId="2" borderId="4" xfId="0" applyFont="1" applyFill="1" applyBorder="1" applyAlignment="1">
      <alignment vertical="center"/>
    </xf>
    <xf numFmtId="0" fontId="3" fillId="2" borderId="5" xfId="0" applyFont="1" applyFill="1" applyBorder="1" applyAlignment="1">
      <alignment vertical="center"/>
    </xf>
    <xf numFmtId="0" fontId="3" fillId="2" borderId="0" xfId="0" applyFont="1" applyFill="1" applyBorder="1" applyAlignment="1">
      <alignment vertical="center"/>
    </xf>
    <xf numFmtId="0" fontId="3" fillId="2" borderId="0" xfId="0" applyFont="1" applyFill="1" applyAlignment="1">
      <alignment vertical="center"/>
    </xf>
    <xf numFmtId="0" fontId="3" fillId="2" borderId="6" xfId="0" applyFont="1" applyFill="1" applyBorder="1" applyAlignment="1">
      <alignment vertical="center"/>
    </xf>
    <xf numFmtId="0" fontId="3" fillId="2" borderId="0" xfId="0" applyFont="1" applyFill="1" applyBorder="1" applyAlignment="1">
      <alignment horizontal="left" vertical="center"/>
    </xf>
    <xf numFmtId="0" fontId="4" fillId="2" borderId="0" xfId="0" applyFont="1" applyFill="1" applyAlignment="1">
      <alignment vertical="center"/>
    </xf>
    <xf numFmtId="0" fontId="3" fillId="2" borderId="7" xfId="0" applyFont="1" applyFill="1" applyBorder="1" applyAlignment="1">
      <alignment vertical="center"/>
    </xf>
    <xf numFmtId="0" fontId="3" fillId="2" borderId="8" xfId="0" applyFont="1" applyFill="1" applyBorder="1" applyAlignment="1">
      <alignment vertical="center"/>
    </xf>
    <xf numFmtId="0" fontId="3" fillId="2" borderId="8" xfId="0" applyFont="1" applyFill="1" applyBorder="1" applyAlignment="1">
      <alignment horizontal="center" vertical="center"/>
    </xf>
    <xf numFmtId="0" fontId="3" fillId="2" borderId="8" xfId="0" applyFont="1" applyFill="1" applyBorder="1" applyAlignment="1">
      <alignment horizontal="left" vertical="center"/>
    </xf>
    <xf numFmtId="0" fontId="3" fillId="2" borderId="9" xfId="0" applyFont="1" applyFill="1" applyBorder="1" applyAlignment="1">
      <alignment vertical="center"/>
    </xf>
    <xf numFmtId="0" fontId="3" fillId="2" borderId="10" xfId="0" applyFont="1" applyFill="1" applyBorder="1" applyAlignment="1">
      <alignment horizontal="left" vertical="center"/>
    </xf>
    <xf numFmtId="0" fontId="3" fillId="2" borderId="14" xfId="0" applyFont="1" applyFill="1" applyBorder="1" applyAlignment="1">
      <alignment horizontal="left" vertical="center"/>
    </xf>
    <xf numFmtId="0" fontId="3" fillId="2" borderId="10" xfId="0" applyFont="1" applyFill="1" applyBorder="1" applyAlignment="1">
      <alignment vertical="center"/>
    </xf>
    <xf numFmtId="0" fontId="3" fillId="2" borderId="1" xfId="0" applyFont="1" applyFill="1" applyBorder="1" applyAlignment="1">
      <alignment vertical="center"/>
    </xf>
    <xf numFmtId="0" fontId="3" fillId="2" borderId="15" xfId="0" applyFont="1" applyFill="1" applyBorder="1" applyAlignment="1">
      <alignment vertical="center"/>
    </xf>
    <xf numFmtId="0" fontId="3" fillId="2" borderId="11" xfId="0" applyFont="1" applyFill="1" applyBorder="1" applyAlignment="1">
      <alignment vertical="center"/>
    </xf>
    <xf numFmtId="0" fontId="3" fillId="2" borderId="15" xfId="0" applyFont="1" applyFill="1" applyBorder="1"/>
    <xf numFmtId="0" fontId="3" fillId="2" borderId="16" xfId="0" applyFont="1" applyFill="1" applyBorder="1" applyAlignment="1">
      <alignment vertical="center"/>
    </xf>
    <xf numFmtId="0" fontId="3" fillId="2" borderId="13" xfId="0" applyFont="1" applyFill="1" applyBorder="1" applyAlignment="1">
      <alignment vertical="center"/>
    </xf>
    <xf numFmtId="0" fontId="3" fillId="2" borderId="18" xfId="0" applyFont="1" applyFill="1" applyBorder="1" applyAlignment="1">
      <alignment vertical="center"/>
    </xf>
    <xf numFmtId="0" fontId="3" fillId="2" borderId="11" xfId="0" applyFont="1" applyFill="1" applyBorder="1" applyAlignment="1">
      <alignment horizontal="left" vertical="center"/>
    </xf>
    <xf numFmtId="0" fontId="3" fillId="2" borderId="17" xfId="0" applyFont="1" applyFill="1" applyBorder="1" applyAlignment="1">
      <alignment vertical="center"/>
    </xf>
    <xf numFmtId="0" fontId="3" fillId="2" borderId="19" xfId="0" applyFont="1" applyFill="1" applyBorder="1" applyAlignment="1">
      <alignment vertical="center"/>
    </xf>
    <xf numFmtId="0" fontId="3" fillId="2" borderId="14" xfId="0" applyFont="1" applyFill="1" applyBorder="1" applyAlignment="1">
      <alignment vertical="center"/>
    </xf>
    <xf numFmtId="0" fontId="3" fillId="2" borderId="20" xfId="0" applyFont="1" applyFill="1" applyBorder="1" applyAlignment="1">
      <alignment horizontal="center" vertical="center"/>
    </xf>
    <xf numFmtId="0" fontId="3" fillId="2" borderId="13" xfId="0" applyFont="1" applyFill="1" applyBorder="1" applyAlignment="1">
      <alignment horizontal="left" vertical="center"/>
    </xf>
    <xf numFmtId="0" fontId="3" fillId="2" borderId="1" xfId="0" applyFont="1" applyFill="1" applyBorder="1" applyAlignment="1">
      <alignment horizontal="left" vertical="center"/>
    </xf>
    <xf numFmtId="0" fontId="3" fillId="2" borderId="0" xfId="0" applyFont="1" applyFill="1" applyAlignment="1">
      <alignment horizontal="left" vertical="center"/>
    </xf>
    <xf numFmtId="0" fontId="3" fillId="2" borderId="1" xfId="0" applyFont="1" applyFill="1" applyBorder="1" applyAlignment="1">
      <alignment vertical="center" wrapText="1"/>
    </xf>
    <xf numFmtId="0" fontId="3" fillId="2" borderId="15" xfId="0" applyFont="1" applyFill="1" applyBorder="1" applyAlignment="1">
      <alignment horizontal="left" vertical="center"/>
    </xf>
    <xf numFmtId="0" fontId="3" fillId="2" borderId="10" xfId="0" applyFont="1" applyFill="1" applyBorder="1" applyAlignment="1">
      <alignment vertical="center" wrapText="1"/>
    </xf>
    <xf numFmtId="0" fontId="3" fillId="2" borderId="15" xfId="0" applyFont="1" applyFill="1" applyBorder="1" applyAlignment="1">
      <alignment horizontal="left" vertical="center" shrinkToFit="1"/>
    </xf>
    <xf numFmtId="0" fontId="3" fillId="2" borderId="13" xfId="0" applyFont="1" applyFill="1" applyBorder="1" applyAlignment="1">
      <alignment vertical="center" wrapText="1"/>
    </xf>
    <xf numFmtId="0" fontId="3" fillId="2" borderId="22" xfId="0" applyFont="1" applyFill="1" applyBorder="1" applyAlignment="1">
      <alignment vertical="center"/>
    </xf>
    <xf numFmtId="0" fontId="3" fillId="2" borderId="22" xfId="0" applyFont="1" applyFill="1" applyBorder="1" applyAlignment="1">
      <alignment horizontal="center" vertical="center"/>
    </xf>
    <xf numFmtId="0" fontId="3" fillId="2" borderId="28" xfId="0" applyFont="1" applyFill="1" applyBorder="1" applyAlignment="1">
      <alignment vertical="center"/>
    </xf>
    <xf numFmtId="0" fontId="0" fillId="2" borderId="0" xfId="0" applyFill="1" applyBorder="1" applyAlignment="1">
      <alignment horizontal="left" vertical="center"/>
    </xf>
    <xf numFmtId="0" fontId="4" fillId="2" borderId="1" xfId="0" applyFont="1" applyFill="1" applyBorder="1" applyAlignment="1">
      <alignment vertical="center" shrinkToFit="1"/>
    </xf>
    <xf numFmtId="0" fontId="3" fillId="0" borderId="1" xfId="0" applyFont="1" applyFill="1" applyBorder="1" applyAlignment="1">
      <alignment vertical="center"/>
    </xf>
    <xf numFmtId="0" fontId="3" fillId="0" borderId="10" xfId="0" applyFont="1" applyFill="1" applyBorder="1" applyAlignment="1">
      <alignment vertical="center"/>
    </xf>
    <xf numFmtId="0" fontId="3" fillId="0" borderId="10" xfId="0" applyFont="1" applyFill="1" applyBorder="1" applyAlignment="1">
      <alignment vertical="center" shrinkToFit="1"/>
    </xf>
    <xf numFmtId="0" fontId="4" fillId="2" borderId="0" xfId="0" applyFont="1" applyFill="1" applyBorder="1" applyAlignment="1">
      <alignment vertical="center" wrapText="1"/>
    </xf>
    <xf numFmtId="0" fontId="3" fillId="2" borderId="0" xfId="0" applyFont="1" applyFill="1" applyBorder="1" applyAlignment="1">
      <alignment horizontal="center" vertical="center" wrapText="1"/>
    </xf>
    <xf numFmtId="0" fontId="3" fillId="2" borderId="33" xfId="0" applyFont="1" applyFill="1" applyBorder="1" applyAlignment="1">
      <alignment horizontal="left" vertical="center"/>
    </xf>
    <xf numFmtId="0" fontId="3" fillId="0" borderId="11" xfId="0" applyFont="1" applyFill="1" applyBorder="1" applyAlignment="1">
      <alignment vertical="center"/>
    </xf>
    <xf numFmtId="0" fontId="3" fillId="0" borderId="1" xfId="0" applyFont="1" applyFill="1" applyBorder="1" applyAlignment="1">
      <alignment horizontal="left" vertical="center"/>
    </xf>
    <xf numFmtId="0" fontId="3" fillId="0" borderId="15" xfId="0" applyFont="1" applyFill="1" applyBorder="1" applyAlignment="1">
      <alignment vertical="top"/>
    </xf>
    <xf numFmtId="0" fontId="3" fillId="0" borderId="13" xfId="0" applyFont="1" applyFill="1" applyBorder="1" applyAlignment="1">
      <alignment vertical="top"/>
    </xf>
    <xf numFmtId="0" fontId="3" fillId="0" borderId="24" xfId="0" applyFont="1" applyFill="1" applyBorder="1" applyAlignment="1">
      <alignment vertical="center"/>
    </xf>
    <xf numFmtId="0" fontId="3" fillId="0" borderId="15" xfId="0" applyFont="1" applyFill="1" applyBorder="1" applyAlignment="1">
      <alignment vertical="center"/>
    </xf>
    <xf numFmtId="0" fontId="3" fillId="0" borderId="1" xfId="0" applyFont="1" applyFill="1" applyBorder="1" applyAlignment="1">
      <alignment vertical="center" shrinkToFit="1"/>
    </xf>
    <xf numFmtId="0" fontId="3" fillId="2" borderId="0" xfId="0" applyFont="1" applyFill="1" applyAlignment="1">
      <alignment horizontal="left" vertical="center" wrapText="1"/>
    </xf>
    <xf numFmtId="0" fontId="3" fillId="0" borderId="13" xfId="0" applyFont="1" applyFill="1" applyBorder="1" applyAlignment="1">
      <alignment vertical="center"/>
    </xf>
    <xf numFmtId="0" fontId="3" fillId="2" borderId="17" xfId="0" applyFont="1" applyFill="1" applyBorder="1" applyAlignment="1">
      <alignment horizontal="center" vertical="center"/>
    </xf>
    <xf numFmtId="0" fontId="3" fillId="2" borderId="21" xfId="0" applyFont="1" applyFill="1" applyBorder="1" applyAlignment="1">
      <alignment horizontal="center" vertical="center"/>
    </xf>
    <xf numFmtId="0" fontId="3" fillId="2" borderId="14" xfId="0" applyFont="1" applyFill="1" applyBorder="1" applyAlignment="1">
      <alignment horizontal="center" vertical="center"/>
    </xf>
    <xf numFmtId="0" fontId="3" fillId="2" borderId="23" xfId="0" applyFont="1" applyFill="1" applyBorder="1" applyAlignment="1">
      <alignment horizontal="center" vertical="center"/>
    </xf>
    <xf numFmtId="0" fontId="3" fillId="2" borderId="34" xfId="0" applyFont="1" applyFill="1" applyBorder="1" applyAlignment="1">
      <alignment horizontal="center" vertical="center"/>
    </xf>
    <xf numFmtId="0" fontId="3" fillId="2" borderId="35" xfId="0" applyFont="1" applyFill="1" applyBorder="1" applyAlignment="1">
      <alignment horizontal="center" vertical="center"/>
    </xf>
    <xf numFmtId="0" fontId="3" fillId="2" borderId="11" xfId="0" applyFont="1" applyFill="1" applyBorder="1" applyAlignment="1">
      <alignment horizontal="center" vertical="center"/>
    </xf>
    <xf numFmtId="0" fontId="3" fillId="2" borderId="12" xfId="0" applyFont="1" applyFill="1" applyBorder="1" applyAlignment="1">
      <alignment horizontal="center" vertical="center"/>
    </xf>
    <xf numFmtId="0" fontId="3" fillId="2" borderId="31" xfId="0" applyFont="1" applyFill="1" applyBorder="1" applyAlignment="1">
      <alignment horizontal="center" vertical="center"/>
    </xf>
    <xf numFmtId="0" fontId="3" fillId="2" borderId="32" xfId="0" applyFont="1" applyFill="1" applyBorder="1" applyAlignment="1">
      <alignment horizontal="center" vertical="center"/>
    </xf>
    <xf numFmtId="0" fontId="3" fillId="2" borderId="3" xfId="0" applyFont="1" applyFill="1" applyBorder="1" applyAlignment="1">
      <alignment horizontal="right"/>
    </xf>
    <xf numFmtId="0" fontId="3" fillId="2" borderId="10" xfId="0" applyFont="1" applyFill="1" applyBorder="1" applyAlignment="1">
      <alignment horizontal="center" vertical="center"/>
    </xf>
    <xf numFmtId="0" fontId="3" fillId="2" borderId="13" xfId="0" applyFont="1" applyFill="1" applyBorder="1" applyAlignment="1">
      <alignment horizontal="center" vertical="center"/>
    </xf>
    <xf numFmtId="0" fontId="3" fillId="2" borderId="10" xfId="0" applyFont="1" applyFill="1" applyBorder="1" applyAlignment="1">
      <alignment horizontal="left" vertical="center"/>
    </xf>
    <xf numFmtId="0" fontId="3" fillId="2" borderId="13" xfId="0" applyFont="1" applyFill="1" applyBorder="1" applyAlignment="1">
      <alignment horizontal="left" vertical="center"/>
    </xf>
    <xf numFmtId="0" fontId="3" fillId="2" borderId="10" xfId="0" applyFont="1" applyFill="1" applyBorder="1" applyAlignment="1">
      <alignment horizontal="left" vertical="top"/>
    </xf>
    <xf numFmtId="0" fontId="3" fillId="2" borderId="15" xfId="0" applyFont="1" applyFill="1" applyBorder="1" applyAlignment="1">
      <alignment horizontal="left" vertical="top"/>
    </xf>
    <xf numFmtId="0" fontId="3" fillId="2" borderId="13" xfId="0" applyFont="1" applyFill="1" applyBorder="1" applyAlignment="1">
      <alignment horizontal="left" vertical="top"/>
    </xf>
    <xf numFmtId="0" fontId="3" fillId="2" borderId="10" xfId="0" applyFont="1" applyFill="1" applyBorder="1" applyAlignment="1">
      <alignment vertical="top"/>
    </xf>
    <xf numFmtId="0" fontId="3" fillId="2" borderId="13" xfId="0" applyFont="1" applyFill="1" applyBorder="1" applyAlignment="1">
      <alignment vertical="top"/>
    </xf>
    <xf numFmtId="0" fontId="3" fillId="0" borderId="25" xfId="0" applyFont="1" applyFill="1" applyBorder="1" applyAlignment="1">
      <alignment horizontal="center" vertical="center"/>
    </xf>
    <xf numFmtId="0" fontId="3" fillId="0" borderId="26" xfId="0" applyFont="1" applyFill="1" applyBorder="1" applyAlignment="1">
      <alignment horizontal="center" vertical="center"/>
    </xf>
    <xf numFmtId="0" fontId="3" fillId="2" borderId="27" xfId="0" applyFont="1" applyFill="1" applyBorder="1" applyAlignment="1">
      <alignment horizontal="center" vertical="center"/>
    </xf>
    <xf numFmtId="0" fontId="3" fillId="2" borderId="11" xfId="0" applyNumberFormat="1" applyFont="1" applyFill="1" applyBorder="1" applyAlignment="1">
      <alignment horizontal="center" vertical="center"/>
    </xf>
    <xf numFmtId="0" fontId="3" fillId="0" borderId="11" xfId="0" applyFont="1" applyFill="1" applyBorder="1" applyAlignment="1">
      <alignment horizontal="center" vertical="center" shrinkToFit="1"/>
    </xf>
    <xf numFmtId="0" fontId="3" fillId="0" borderId="12" xfId="0" applyFont="1" applyFill="1" applyBorder="1" applyAlignment="1">
      <alignment horizontal="center" vertical="center" shrinkToFit="1"/>
    </xf>
    <xf numFmtId="0" fontId="3" fillId="2" borderId="5" xfId="0" applyFont="1" applyFill="1" applyBorder="1" applyAlignment="1">
      <alignment vertical="center"/>
    </xf>
    <xf numFmtId="0" fontId="3" fillId="2" borderId="0" xfId="0" applyFont="1" applyFill="1" applyBorder="1" applyAlignment="1">
      <alignment vertical="center"/>
    </xf>
    <xf numFmtId="0" fontId="3" fillId="2" borderId="6" xfId="0" applyFont="1" applyFill="1" applyBorder="1" applyAlignment="1">
      <alignment vertical="center"/>
    </xf>
    <xf numFmtId="0" fontId="3" fillId="2" borderId="29" xfId="0" applyFont="1" applyFill="1" applyBorder="1" applyAlignment="1">
      <alignment horizontal="center" vertical="center" shrinkToFit="1"/>
    </xf>
    <xf numFmtId="0" fontId="3" fillId="2" borderId="30" xfId="0" applyFont="1" applyFill="1" applyBorder="1" applyAlignment="1">
      <alignment horizontal="center" vertical="center" shrinkToFit="1"/>
    </xf>
    <xf numFmtId="0" fontId="3" fillId="2" borderId="25" xfId="0" applyFont="1" applyFill="1" applyBorder="1" applyAlignment="1">
      <alignment horizontal="center" vertical="center"/>
    </xf>
    <xf numFmtId="0" fontId="3" fillId="2" borderId="26" xfId="0" applyFont="1" applyFill="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sheetPr>
  <dimension ref="A1:M246"/>
  <sheetViews>
    <sheetView tabSelected="1" view="pageBreakPreview" zoomScaleNormal="115" zoomScaleSheetLayoutView="100" workbookViewId="0">
      <selection activeCell="C46" sqref="C46:D46"/>
    </sheetView>
  </sheetViews>
  <sheetFormatPr defaultColWidth="9" defaultRowHeight="13" x14ac:dyDescent="0.2"/>
  <cols>
    <col min="1" max="1" width="14.1796875" style="2" customWidth="1"/>
    <col min="2" max="2" width="25.453125" style="2" customWidth="1"/>
    <col min="3" max="3" width="8.453125" style="2" customWidth="1"/>
    <col min="4" max="4" width="8.453125" style="3" customWidth="1"/>
    <col min="5" max="5" width="6.81640625" style="2" customWidth="1"/>
    <col min="6" max="6" width="14.1796875" style="2" customWidth="1"/>
    <col min="7" max="7" width="25" style="2" customWidth="1"/>
    <col min="8" max="8" width="8.36328125" style="2" customWidth="1"/>
    <col min="9" max="9" width="8.36328125" style="4" customWidth="1"/>
    <col min="10" max="10" width="2.90625" style="2" customWidth="1"/>
    <col min="11" max="15" width="11.81640625" style="2" customWidth="1"/>
    <col min="16" max="16384" width="9" style="2"/>
  </cols>
  <sheetData>
    <row r="1" spans="1:13" ht="35.25" customHeight="1" x14ac:dyDescent="0.2">
      <c r="A1" s="1" t="s">
        <v>0</v>
      </c>
    </row>
    <row r="2" spans="1:13" ht="18.75" customHeight="1" x14ac:dyDescent="0.2">
      <c r="A2" s="2" t="s">
        <v>242</v>
      </c>
      <c r="B2" s="5"/>
      <c r="C2" s="5"/>
    </row>
    <row r="3" spans="1:13" ht="18.75" customHeight="1" thickBot="1" x14ac:dyDescent="0.25">
      <c r="A3" s="5"/>
      <c r="D3" s="6"/>
      <c r="E3" s="5"/>
      <c r="F3" s="5"/>
      <c r="G3" s="5"/>
      <c r="H3" s="5"/>
      <c r="I3" s="7"/>
    </row>
    <row r="4" spans="1:13" s="15" customFormat="1" ht="18" customHeight="1" thickTop="1" x14ac:dyDescent="0.2">
      <c r="A4" s="8" t="s">
        <v>241</v>
      </c>
      <c r="B4" s="9"/>
      <c r="C4" s="10"/>
      <c r="D4" s="10"/>
      <c r="E4" s="9"/>
      <c r="F4" s="11"/>
      <c r="G4" s="9"/>
      <c r="H4" s="9"/>
      <c r="I4" s="12"/>
      <c r="J4" s="13"/>
      <c r="K4" s="14"/>
      <c r="L4" s="14"/>
      <c r="M4" s="14"/>
    </row>
    <row r="5" spans="1:13" s="15" customFormat="1" ht="18" customHeight="1" x14ac:dyDescent="0.2">
      <c r="A5" s="93" t="s">
        <v>1</v>
      </c>
      <c r="B5" s="94"/>
      <c r="C5" s="94"/>
      <c r="D5" s="94"/>
      <c r="E5" s="94"/>
      <c r="F5" s="94"/>
      <c r="G5" s="94"/>
      <c r="H5" s="94"/>
      <c r="I5" s="95"/>
      <c r="J5" s="13"/>
      <c r="K5" s="14"/>
      <c r="L5" s="14"/>
      <c r="M5" s="14"/>
    </row>
    <row r="6" spans="1:13" s="18" customFormat="1" ht="18.649999999999999" customHeight="1" x14ac:dyDescent="0.2">
      <c r="A6" s="13"/>
      <c r="B6" s="14"/>
      <c r="C6" s="7"/>
      <c r="D6" s="7"/>
      <c r="E6" s="14"/>
      <c r="F6" s="14"/>
      <c r="G6" s="14"/>
      <c r="H6" s="14"/>
      <c r="I6" s="16"/>
      <c r="J6" s="13"/>
      <c r="K6" s="14"/>
    </row>
    <row r="7" spans="1:13" s="15" customFormat="1" ht="5.5" customHeight="1" thickBot="1" x14ac:dyDescent="0.25">
      <c r="A7" s="19"/>
      <c r="B7" s="20"/>
      <c r="C7" s="21"/>
      <c r="D7" s="21"/>
      <c r="E7" s="20"/>
      <c r="F7" s="22"/>
      <c r="G7" s="20"/>
      <c r="H7" s="20"/>
      <c r="I7" s="23"/>
      <c r="J7" s="13"/>
      <c r="K7" s="14"/>
      <c r="L7" s="14"/>
      <c r="M7" s="14"/>
    </row>
    <row r="8" spans="1:13" ht="13.5" thickTop="1" x14ac:dyDescent="0.2">
      <c r="A8" s="5"/>
      <c r="B8" s="5"/>
      <c r="C8" s="5"/>
      <c r="D8" s="6"/>
      <c r="E8" s="5"/>
      <c r="F8" s="5"/>
      <c r="G8" s="77" t="s">
        <v>254</v>
      </c>
      <c r="H8" s="77"/>
      <c r="I8" s="77"/>
    </row>
    <row r="9" spans="1:13" ht="18.5" customHeight="1" x14ac:dyDescent="0.2">
      <c r="A9" s="2" t="s">
        <v>2</v>
      </c>
    </row>
    <row r="10" spans="1:13" ht="18.5" customHeight="1" x14ac:dyDescent="0.2">
      <c r="A10" s="78" t="s">
        <v>3</v>
      </c>
      <c r="B10" s="78" t="s">
        <v>4</v>
      </c>
      <c r="C10" s="67" t="s">
        <v>5</v>
      </c>
      <c r="D10" s="68"/>
      <c r="E10" s="4"/>
      <c r="F10" s="78" t="s">
        <v>3</v>
      </c>
      <c r="G10" s="78" t="s">
        <v>4</v>
      </c>
      <c r="H10" s="67" t="s">
        <v>5</v>
      </c>
      <c r="I10" s="68"/>
    </row>
    <row r="11" spans="1:13" ht="18.5" customHeight="1" x14ac:dyDescent="0.2">
      <c r="A11" s="79"/>
      <c r="B11" s="79"/>
      <c r="C11" s="69"/>
      <c r="D11" s="70"/>
      <c r="E11" s="4"/>
      <c r="F11" s="79"/>
      <c r="G11" s="79"/>
      <c r="H11" s="69"/>
      <c r="I11" s="70"/>
    </row>
    <row r="12" spans="1:13" ht="18.5" customHeight="1" x14ac:dyDescent="0.2">
      <c r="A12" s="24" t="s">
        <v>6</v>
      </c>
      <c r="B12" s="25" t="s">
        <v>7</v>
      </c>
      <c r="C12" s="73" t="s">
        <v>255</v>
      </c>
      <c r="D12" s="74"/>
      <c r="E12" s="15"/>
      <c r="F12" s="26" t="s">
        <v>8</v>
      </c>
      <c r="G12" s="27" t="s">
        <v>9</v>
      </c>
      <c r="H12" s="73" t="s">
        <v>255</v>
      </c>
      <c r="I12" s="74"/>
    </row>
    <row r="13" spans="1:13" ht="18.5" customHeight="1" x14ac:dyDescent="0.2">
      <c r="A13" s="28"/>
      <c r="B13" s="29" t="s">
        <v>10</v>
      </c>
      <c r="C13" s="73" t="s">
        <v>255</v>
      </c>
      <c r="D13" s="74"/>
      <c r="E13" s="15"/>
      <c r="F13" s="28" t="s">
        <v>11</v>
      </c>
      <c r="G13" s="27" t="s">
        <v>12</v>
      </c>
      <c r="H13" s="73" t="s">
        <v>255</v>
      </c>
      <c r="I13" s="74"/>
    </row>
    <row r="14" spans="1:13" ht="18.5" customHeight="1" x14ac:dyDescent="0.2">
      <c r="A14" s="28"/>
      <c r="B14" s="29" t="s">
        <v>13</v>
      </c>
      <c r="C14" s="73" t="s">
        <v>255</v>
      </c>
      <c r="D14" s="74"/>
      <c r="E14" s="15"/>
      <c r="F14" s="28"/>
      <c r="G14" s="27" t="s">
        <v>14</v>
      </c>
      <c r="H14" s="73" t="s">
        <v>255</v>
      </c>
      <c r="I14" s="74"/>
    </row>
    <row r="15" spans="1:13" ht="18.5" customHeight="1" x14ac:dyDescent="0.2">
      <c r="A15" s="28"/>
      <c r="B15" s="29" t="s">
        <v>15</v>
      </c>
      <c r="C15" s="73" t="s">
        <v>255</v>
      </c>
      <c r="D15" s="74"/>
      <c r="E15" s="15"/>
      <c r="F15" s="28"/>
      <c r="G15" s="27" t="s">
        <v>16</v>
      </c>
      <c r="H15" s="73" t="s">
        <v>255</v>
      </c>
      <c r="I15" s="74"/>
    </row>
    <row r="16" spans="1:13" ht="18.5" customHeight="1" x14ac:dyDescent="0.2">
      <c r="A16" s="28"/>
      <c r="B16" s="29" t="s">
        <v>17</v>
      </c>
      <c r="C16" s="73" t="s">
        <v>255</v>
      </c>
      <c r="D16" s="74"/>
      <c r="E16" s="15"/>
      <c r="F16" s="28"/>
      <c r="G16" s="27" t="s">
        <v>18</v>
      </c>
      <c r="H16" s="73" t="s">
        <v>255</v>
      </c>
      <c r="I16" s="74"/>
    </row>
    <row r="17" spans="1:9" ht="18.5" customHeight="1" x14ac:dyDescent="0.2">
      <c r="A17" s="28"/>
      <c r="B17" s="29" t="s">
        <v>19</v>
      </c>
      <c r="C17" s="73" t="s">
        <v>255</v>
      </c>
      <c r="D17" s="74"/>
      <c r="E17" s="15"/>
      <c r="F17" s="30"/>
      <c r="G17" s="27" t="s">
        <v>20</v>
      </c>
      <c r="H17" s="73" t="s">
        <v>255</v>
      </c>
      <c r="I17" s="74"/>
    </row>
    <row r="18" spans="1:9" ht="18.5" customHeight="1" x14ac:dyDescent="0.2">
      <c r="A18" s="28"/>
      <c r="B18" s="29" t="s">
        <v>21</v>
      </c>
      <c r="C18" s="73" t="s">
        <v>255</v>
      </c>
      <c r="D18" s="74"/>
      <c r="E18" s="15"/>
      <c r="F18" s="28"/>
      <c r="G18" s="27" t="s">
        <v>22</v>
      </c>
      <c r="H18" s="73" t="s">
        <v>255</v>
      </c>
      <c r="I18" s="74"/>
    </row>
    <row r="19" spans="1:9" ht="18.5" customHeight="1" x14ac:dyDescent="0.2">
      <c r="A19" s="28"/>
      <c r="B19" s="31" t="s">
        <v>23</v>
      </c>
      <c r="C19" s="73" t="s">
        <v>255</v>
      </c>
      <c r="D19" s="74"/>
      <c r="E19" s="15"/>
      <c r="F19" s="28"/>
      <c r="G19" s="27" t="s">
        <v>24</v>
      </c>
      <c r="H19" s="73" t="s">
        <v>255</v>
      </c>
      <c r="I19" s="74"/>
    </row>
    <row r="20" spans="1:9" ht="18.5" customHeight="1" x14ac:dyDescent="0.2">
      <c r="A20" s="28"/>
      <c r="B20" s="29" t="s">
        <v>25</v>
      </c>
      <c r="C20" s="73" t="s">
        <v>255</v>
      </c>
      <c r="D20" s="74"/>
      <c r="E20" s="15"/>
      <c r="F20" s="28"/>
      <c r="G20" s="27" t="s">
        <v>26</v>
      </c>
      <c r="H20" s="73" t="s">
        <v>255</v>
      </c>
      <c r="I20" s="74"/>
    </row>
    <row r="21" spans="1:9" ht="18.5" customHeight="1" x14ac:dyDescent="0.2">
      <c r="A21" s="28"/>
      <c r="B21" s="29" t="s">
        <v>27</v>
      </c>
      <c r="C21" s="73" t="s">
        <v>255</v>
      </c>
      <c r="D21" s="74"/>
      <c r="E21" s="15"/>
      <c r="F21" s="28"/>
      <c r="G21" s="27" t="s">
        <v>28</v>
      </c>
      <c r="H21" s="73" t="s">
        <v>255</v>
      </c>
      <c r="I21" s="74"/>
    </row>
    <row r="22" spans="1:9" ht="18.5" customHeight="1" x14ac:dyDescent="0.2">
      <c r="A22" s="28"/>
      <c r="B22" s="29" t="s">
        <v>29</v>
      </c>
      <c r="C22" s="73" t="s">
        <v>255</v>
      </c>
      <c r="D22" s="74"/>
      <c r="E22" s="15"/>
      <c r="F22" s="28"/>
      <c r="G22" s="27" t="s">
        <v>30</v>
      </c>
      <c r="H22" s="73" t="s">
        <v>255</v>
      </c>
      <c r="I22" s="74"/>
    </row>
    <row r="23" spans="1:9" ht="18.5" customHeight="1" x14ac:dyDescent="0.2">
      <c r="A23" s="28"/>
      <c r="B23" s="29" t="s">
        <v>31</v>
      </c>
      <c r="C23" s="73" t="s">
        <v>255</v>
      </c>
      <c r="D23" s="74"/>
      <c r="E23" s="15"/>
      <c r="F23" s="28"/>
      <c r="G23" s="27" t="s">
        <v>32</v>
      </c>
      <c r="H23" s="73" t="s">
        <v>255</v>
      </c>
      <c r="I23" s="74"/>
    </row>
    <row r="24" spans="1:9" ht="18.5" customHeight="1" x14ac:dyDescent="0.2">
      <c r="A24" s="28"/>
      <c r="B24" s="31" t="s">
        <v>33</v>
      </c>
      <c r="C24" s="73" t="s">
        <v>255</v>
      </c>
      <c r="D24" s="74"/>
      <c r="E24" s="15"/>
      <c r="F24" s="26" t="s">
        <v>34</v>
      </c>
      <c r="G24" s="27" t="s">
        <v>35</v>
      </c>
      <c r="H24" s="73" t="s">
        <v>255</v>
      </c>
      <c r="I24" s="74"/>
    </row>
    <row r="25" spans="1:9" ht="18.5" customHeight="1" x14ac:dyDescent="0.2">
      <c r="A25" s="32"/>
      <c r="B25" s="29" t="s">
        <v>36</v>
      </c>
      <c r="C25" s="73" t="s">
        <v>255</v>
      </c>
      <c r="D25" s="74"/>
      <c r="E25" s="15"/>
      <c r="F25" s="28" t="s">
        <v>37</v>
      </c>
      <c r="G25" s="33" t="s">
        <v>38</v>
      </c>
      <c r="H25" s="73" t="s">
        <v>255</v>
      </c>
      <c r="I25" s="74"/>
    </row>
    <row r="26" spans="1:9" ht="18.5" customHeight="1" x14ac:dyDescent="0.2">
      <c r="A26" s="28" t="s">
        <v>39</v>
      </c>
      <c r="B26" s="29" t="s">
        <v>40</v>
      </c>
      <c r="C26" s="73" t="s">
        <v>255</v>
      </c>
      <c r="D26" s="74"/>
      <c r="E26" s="15"/>
      <c r="F26" s="28" t="s">
        <v>41</v>
      </c>
      <c r="G26" s="27" t="s">
        <v>42</v>
      </c>
      <c r="H26" s="73" t="s">
        <v>255</v>
      </c>
      <c r="I26" s="74"/>
    </row>
    <row r="27" spans="1:9" ht="18.5" customHeight="1" x14ac:dyDescent="0.2">
      <c r="A27" s="28"/>
      <c r="B27" s="34" t="s">
        <v>43</v>
      </c>
      <c r="C27" s="73" t="s">
        <v>255</v>
      </c>
      <c r="D27" s="74"/>
      <c r="E27" s="15"/>
      <c r="F27" s="28"/>
      <c r="G27" s="27" t="s">
        <v>44</v>
      </c>
      <c r="H27" s="73" t="s">
        <v>255</v>
      </c>
      <c r="I27" s="74"/>
    </row>
    <row r="28" spans="1:9" ht="18.5" customHeight="1" x14ac:dyDescent="0.2">
      <c r="A28" s="28"/>
      <c r="B28" s="29" t="s">
        <v>45</v>
      </c>
      <c r="C28" s="73" t="s">
        <v>255</v>
      </c>
      <c r="D28" s="74"/>
      <c r="E28" s="15"/>
      <c r="F28" s="28"/>
      <c r="G28" s="27" t="s">
        <v>46</v>
      </c>
      <c r="H28" s="73" t="s">
        <v>255</v>
      </c>
      <c r="I28" s="74"/>
    </row>
    <row r="29" spans="1:9" ht="18.5" customHeight="1" x14ac:dyDescent="0.2">
      <c r="A29" s="28"/>
      <c r="B29" s="58" t="s">
        <v>219</v>
      </c>
      <c r="C29" s="73" t="s">
        <v>255</v>
      </c>
      <c r="D29" s="74"/>
      <c r="E29" s="15"/>
      <c r="F29" s="28"/>
      <c r="G29" s="27" t="s">
        <v>47</v>
      </c>
      <c r="H29" s="73" t="s">
        <v>255</v>
      </c>
      <c r="I29" s="74"/>
    </row>
    <row r="30" spans="1:9" ht="18.5" customHeight="1" x14ac:dyDescent="0.2">
      <c r="A30" s="28"/>
      <c r="B30" s="29" t="s">
        <v>49</v>
      </c>
      <c r="C30" s="73" t="s">
        <v>255</v>
      </c>
      <c r="D30" s="74"/>
      <c r="E30" s="15"/>
      <c r="F30" s="30"/>
      <c r="G30" s="27" t="s">
        <v>48</v>
      </c>
      <c r="H30" s="73" t="s">
        <v>255</v>
      </c>
      <c r="I30" s="74"/>
    </row>
    <row r="31" spans="1:9" ht="18.5" customHeight="1" x14ac:dyDescent="0.2">
      <c r="A31" s="28"/>
      <c r="B31" s="29" t="s">
        <v>51</v>
      </c>
      <c r="C31" s="73" t="s">
        <v>255</v>
      </c>
      <c r="D31" s="74"/>
      <c r="E31" s="15"/>
      <c r="F31" s="30"/>
      <c r="G31" s="26" t="s">
        <v>50</v>
      </c>
      <c r="H31" s="73" t="s">
        <v>255</v>
      </c>
      <c r="I31" s="74"/>
    </row>
    <row r="32" spans="1:9" ht="18.5" customHeight="1" x14ac:dyDescent="0.2">
      <c r="A32" s="28"/>
      <c r="B32" s="29" t="s">
        <v>54</v>
      </c>
      <c r="C32" s="73" t="s">
        <v>255</v>
      </c>
      <c r="D32" s="74"/>
      <c r="E32" s="15"/>
      <c r="F32" s="26" t="s">
        <v>52</v>
      </c>
      <c r="G32" s="26" t="s">
        <v>53</v>
      </c>
      <c r="H32" s="73" t="s">
        <v>255</v>
      </c>
      <c r="I32" s="74"/>
    </row>
    <row r="33" spans="1:9" ht="18.5" customHeight="1" x14ac:dyDescent="0.2">
      <c r="A33" s="28"/>
      <c r="B33" s="29" t="s">
        <v>56</v>
      </c>
      <c r="C33" s="73" t="s">
        <v>255</v>
      </c>
      <c r="D33" s="74"/>
      <c r="E33" s="15"/>
      <c r="F33" s="28"/>
      <c r="G33" s="33" t="s">
        <v>55</v>
      </c>
      <c r="H33" s="73" t="s">
        <v>255</v>
      </c>
      <c r="I33" s="74"/>
    </row>
    <row r="34" spans="1:9" ht="18.5" customHeight="1" x14ac:dyDescent="0.2">
      <c r="A34" s="28"/>
      <c r="B34" s="31" t="s">
        <v>58</v>
      </c>
      <c r="C34" s="73" t="s">
        <v>255</v>
      </c>
      <c r="D34" s="74"/>
      <c r="E34" s="15"/>
      <c r="F34" s="28"/>
      <c r="G34" s="27" t="s">
        <v>57</v>
      </c>
      <c r="H34" s="73" t="s">
        <v>255</v>
      </c>
      <c r="I34" s="74"/>
    </row>
    <row r="35" spans="1:9" ht="18.5" customHeight="1" x14ac:dyDescent="0.2">
      <c r="A35" s="32"/>
      <c r="B35" s="29" t="s">
        <v>60</v>
      </c>
      <c r="C35" s="73" t="s">
        <v>255</v>
      </c>
      <c r="D35" s="74"/>
      <c r="E35" s="15"/>
      <c r="F35" s="28"/>
      <c r="G35" s="27" t="s">
        <v>59</v>
      </c>
      <c r="H35" s="73" t="s">
        <v>255</v>
      </c>
      <c r="I35" s="74"/>
    </row>
    <row r="36" spans="1:9" ht="18.5" customHeight="1" x14ac:dyDescent="0.2">
      <c r="A36" s="28" t="s">
        <v>62</v>
      </c>
      <c r="B36" s="35" t="s">
        <v>63</v>
      </c>
      <c r="C36" s="73" t="s">
        <v>255</v>
      </c>
      <c r="D36" s="74"/>
      <c r="E36" s="15"/>
      <c r="F36" s="32"/>
      <c r="G36" s="27" t="s">
        <v>61</v>
      </c>
      <c r="H36" s="73" t="s">
        <v>255</v>
      </c>
      <c r="I36" s="74"/>
    </row>
    <row r="37" spans="1:9" ht="18.5" customHeight="1" x14ac:dyDescent="0.2">
      <c r="A37" s="28"/>
      <c r="B37" s="29" t="s">
        <v>66</v>
      </c>
      <c r="C37" s="73" t="s">
        <v>255</v>
      </c>
      <c r="D37" s="74"/>
      <c r="E37" s="15"/>
      <c r="F37" s="35" t="s">
        <v>64</v>
      </c>
      <c r="G37" s="27" t="s">
        <v>65</v>
      </c>
      <c r="H37" s="73" t="s">
        <v>255</v>
      </c>
      <c r="I37" s="74"/>
    </row>
    <row r="38" spans="1:9" ht="18.5" customHeight="1" x14ac:dyDescent="0.2">
      <c r="A38" s="28"/>
      <c r="B38" s="29" t="s">
        <v>67</v>
      </c>
      <c r="C38" s="73" t="s">
        <v>255</v>
      </c>
      <c r="D38" s="74"/>
      <c r="E38" s="15"/>
      <c r="F38" s="36"/>
      <c r="G38" s="27" t="s">
        <v>243</v>
      </c>
      <c r="H38" s="73" t="s">
        <v>255</v>
      </c>
      <c r="I38" s="74"/>
    </row>
    <row r="39" spans="1:9" ht="18.5" customHeight="1" x14ac:dyDescent="0.2">
      <c r="A39" s="28"/>
      <c r="B39" s="27" t="s">
        <v>69</v>
      </c>
      <c r="C39" s="73" t="s">
        <v>255</v>
      </c>
      <c r="D39" s="74"/>
      <c r="E39" s="15"/>
      <c r="F39" s="36"/>
      <c r="G39" s="33" t="s">
        <v>68</v>
      </c>
      <c r="H39" s="73" t="s">
        <v>255</v>
      </c>
      <c r="I39" s="74"/>
    </row>
    <row r="40" spans="1:9" ht="18.5" customHeight="1" x14ac:dyDescent="0.2">
      <c r="A40" s="28"/>
      <c r="B40" s="27" t="s">
        <v>71</v>
      </c>
      <c r="C40" s="73" t="s">
        <v>255</v>
      </c>
      <c r="D40" s="74"/>
      <c r="E40" s="15"/>
      <c r="F40" s="36"/>
      <c r="G40" s="27" t="s">
        <v>70</v>
      </c>
      <c r="H40" s="73" t="s">
        <v>255</v>
      </c>
      <c r="I40" s="74"/>
    </row>
    <row r="41" spans="1:9" ht="18.5" customHeight="1" x14ac:dyDescent="0.2">
      <c r="A41" s="28"/>
      <c r="B41" s="27" t="s">
        <v>73</v>
      </c>
      <c r="C41" s="73" t="s">
        <v>255</v>
      </c>
      <c r="D41" s="74"/>
      <c r="E41" s="15"/>
      <c r="F41" s="36"/>
      <c r="G41" s="27" t="s">
        <v>72</v>
      </c>
      <c r="H41" s="73" t="s">
        <v>255</v>
      </c>
      <c r="I41" s="74"/>
    </row>
    <row r="42" spans="1:9" ht="18.5" customHeight="1" x14ac:dyDescent="0.2">
      <c r="A42" s="32"/>
      <c r="B42" s="27" t="s">
        <v>75</v>
      </c>
      <c r="C42" s="73" t="s">
        <v>255</v>
      </c>
      <c r="D42" s="74"/>
      <c r="E42" s="15"/>
      <c r="F42" s="36"/>
      <c r="G42" s="33" t="s">
        <v>74</v>
      </c>
      <c r="H42" s="73" t="s">
        <v>255</v>
      </c>
      <c r="I42" s="74"/>
    </row>
    <row r="43" spans="1:9" ht="18.5" customHeight="1" x14ac:dyDescent="0.2">
      <c r="A43" s="28" t="s">
        <v>77</v>
      </c>
      <c r="B43" s="27" t="s">
        <v>78</v>
      </c>
      <c r="C43" s="73" t="s">
        <v>255</v>
      </c>
      <c r="D43" s="74"/>
      <c r="E43" s="15"/>
      <c r="F43" s="28"/>
      <c r="G43" s="27" t="s">
        <v>76</v>
      </c>
      <c r="H43" s="73" t="s">
        <v>255</v>
      </c>
      <c r="I43" s="74"/>
    </row>
    <row r="44" spans="1:9" ht="18.5" customHeight="1" x14ac:dyDescent="0.2">
      <c r="A44" s="28"/>
      <c r="B44" s="27" t="s">
        <v>80</v>
      </c>
      <c r="C44" s="73" t="s">
        <v>260</v>
      </c>
      <c r="D44" s="74"/>
      <c r="E44" s="15"/>
      <c r="F44" s="28"/>
      <c r="G44" s="27" t="s">
        <v>79</v>
      </c>
      <c r="H44" s="73" t="s">
        <v>255</v>
      </c>
      <c r="I44" s="74"/>
    </row>
    <row r="45" spans="1:9" ht="18.5" customHeight="1" x14ac:dyDescent="0.2">
      <c r="A45" s="36"/>
      <c r="B45" s="27" t="s">
        <v>82</v>
      </c>
      <c r="C45" s="73" t="s">
        <v>255</v>
      </c>
      <c r="D45" s="74"/>
      <c r="E45" s="7"/>
      <c r="F45" s="36"/>
      <c r="G45" s="27" t="s">
        <v>81</v>
      </c>
      <c r="H45" s="73" t="s">
        <v>255</v>
      </c>
      <c r="I45" s="74"/>
    </row>
    <row r="46" spans="1:9" ht="18.5" customHeight="1" x14ac:dyDescent="0.2">
      <c r="A46" s="36"/>
      <c r="B46" s="27" t="s">
        <v>84</v>
      </c>
      <c r="C46" s="73" t="s">
        <v>255</v>
      </c>
      <c r="D46" s="74"/>
      <c r="E46" s="7"/>
      <c r="F46" s="36"/>
      <c r="G46" s="27" t="s">
        <v>83</v>
      </c>
      <c r="H46" s="73" t="s">
        <v>255</v>
      </c>
      <c r="I46" s="74"/>
    </row>
    <row r="47" spans="1:9" ht="18.5" customHeight="1" x14ac:dyDescent="0.2">
      <c r="A47" s="36"/>
      <c r="B47" s="27" t="s">
        <v>86</v>
      </c>
      <c r="C47" s="73" t="s">
        <v>255</v>
      </c>
      <c r="D47" s="74"/>
      <c r="E47" s="7"/>
      <c r="F47" s="36"/>
      <c r="G47" s="27" t="s">
        <v>85</v>
      </c>
      <c r="H47" s="73" t="s">
        <v>255</v>
      </c>
      <c r="I47" s="74"/>
    </row>
    <row r="48" spans="1:9" ht="18.5" customHeight="1" x14ac:dyDescent="0.2">
      <c r="A48" s="36"/>
      <c r="B48" s="32" t="s">
        <v>88</v>
      </c>
      <c r="C48" s="73" t="s">
        <v>255</v>
      </c>
      <c r="D48" s="74"/>
      <c r="E48" s="7"/>
      <c r="F48" s="36"/>
      <c r="G48" s="27" t="s">
        <v>87</v>
      </c>
      <c r="H48" s="73" t="s">
        <v>255</v>
      </c>
      <c r="I48" s="74"/>
    </row>
    <row r="49" spans="1:9" ht="18.5" customHeight="1" x14ac:dyDescent="0.2">
      <c r="A49" s="36"/>
      <c r="B49" s="27" t="s">
        <v>90</v>
      </c>
      <c r="C49" s="73" t="s">
        <v>255</v>
      </c>
      <c r="D49" s="74"/>
      <c r="E49" s="7"/>
      <c r="F49" s="36"/>
      <c r="G49" s="27" t="s">
        <v>89</v>
      </c>
      <c r="H49" s="73" t="s">
        <v>255</v>
      </c>
      <c r="I49" s="74"/>
    </row>
    <row r="50" spans="1:9" ht="18.5" customHeight="1" x14ac:dyDescent="0.2">
      <c r="A50" s="36"/>
      <c r="B50" s="27" t="s">
        <v>92</v>
      </c>
      <c r="C50" s="73" t="s">
        <v>255</v>
      </c>
      <c r="D50" s="74"/>
      <c r="E50" s="7"/>
      <c r="F50" s="36"/>
      <c r="G50" s="33" t="s">
        <v>91</v>
      </c>
      <c r="H50" s="73" t="s">
        <v>255</v>
      </c>
      <c r="I50" s="74"/>
    </row>
    <row r="51" spans="1:9" ht="18.5" customHeight="1" x14ac:dyDescent="0.2">
      <c r="A51" s="37"/>
      <c r="B51" s="27" t="s">
        <v>95</v>
      </c>
      <c r="C51" s="73" t="s">
        <v>255</v>
      </c>
      <c r="D51" s="74"/>
      <c r="E51" s="7"/>
      <c r="F51" s="26" t="s">
        <v>93</v>
      </c>
      <c r="G51" s="27" t="s">
        <v>94</v>
      </c>
      <c r="H51" s="73" t="s">
        <v>255</v>
      </c>
      <c r="I51" s="74"/>
    </row>
    <row r="52" spans="1:9" ht="18.5" customHeight="1" x14ac:dyDescent="0.2">
      <c r="A52" s="26" t="s">
        <v>97</v>
      </c>
      <c r="B52" s="27" t="s">
        <v>98</v>
      </c>
      <c r="C52" s="73" t="s">
        <v>255</v>
      </c>
      <c r="D52" s="74"/>
      <c r="E52" s="7"/>
      <c r="F52" s="28"/>
      <c r="G52" s="27" t="s">
        <v>96</v>
      </c>
      <c r="H52" s="73" t="s">
        <v>255</v>
      </c>
      <c r="I52" s="74"/>
    </row>
    <row r="53" spans="1:9" ht="18.5" customHeight="1" x14ac:dyDescent="0.2">
      <c r="A53" s="28"/>
      <c r="B53" s="27" t="s">
        <v>100</v>
      </c>
      <c r="C53" s="73" t="s">
        <v>255</v>
      </c>
      <c r="D53" s="74"/>
      <c r="E53" s="7"/>
      <c r="F53" s="28"/>
      <c r="G53" s="27" t="s">
        <v>99</v>
      </c>
      <c r="H53" s="73" t="s">
        <v>255</v>
      </c>
      <c r="I53" s="74"/>
    </row>
    <row r="54" spans="1:9" ht="18.5" customHeight="1" x14ac:dyDescent="0.2">
      <c r="A54" s="28"/>
      <c r="B54" s="27" t="s">
        <v>102</v>
      </c>
      <c r="C54" s="73" t="s">
        <v>255</v>
      </c>
      <c r="D54" s="74"/>
      <c r="E54" s="7"/>
      <c r="F54" s="28"/>
      <c r="G54" s="27" t="s">
        <v>101</v>
      </c>
      <c r="H54" s="73" t="s">
        <v>255</v>
      </c>
      <c r="I54" s="74"/>
    </row>
    <row r="55" spans="1:9" ht="18.5" customHeight="1" x14ac:dyDescent="0.2">
      <c r="A55" s="28"/>
      <c r="B55" s="27" t="s">
        <v>104</v>
      </c>
      <c r="C55" s="73" t="s">
        <v>255</v>
      </c>
      <c r="D55" s="74"/>
      <c r="E55" s="7"/>
      <c r="F55" s="28"/>
      <c r="G55" s="27" t="s">
        <v>103</v>
      </c>
      <c r="H55" s="73" t="s">
        <v>255</v>
      </c>
      <c r="I55" s="74"/>
    </row>
    <row r="56" spans="1:9" ht="18.5" customHeight="1" x14ac:dyDescent="0.2">
      <c r="A56" s="28"/>
      <c r="B56" s="27" t="s">
        <v>106</v>
      </c>
      <c r="C56" s="73" t="s">
        <v>255</v>
      </c>
      <c r="D56" s="74"/>
      <c r="E56" s="15"/>
      <c r="F56" s="28"/>
      <c r="G56" s="27" t="s">
        <v>105</v>
      </c>
      <c r="H56" s="73" t="s">
        <v>255</v>
      </c>
      <c r="I56" s="74"/>
    </row>
    <row r="57" spans="1:9" ht="18.5" customHeight="1" x14ac:dyDescent="0.2">
      <c r="A57" s="32"/>
      <c r="B57" s="52" t="s">
        <v>218</v>
      </c>
      <c r="C57" s="73" t="s">
        <v>255</v>
      </c>
      <c r="D57" s="74"/>
      <c r="E57" s="15"/>
      <c r="F57" s="28"/>
      <c r="G57" s="27" t="s">
        <v>107</v>
      </c>
      <c r="H57" s="73" t="s">
        <v>255</v>
      </c>
      <c r="I57" s="74"/>
    </row>
    <row r="58" spans="1:9" ht="18.5" customHeight="1" x14ac:dyDescent="0.2">
      <c r="A58" s="14"/>
      <c r="B58" s="14"/>
      <c r="C58" s="7"/>
      <c r="D58" s="7"/>
      <c r="E58" s="15"/>
      <c r="F58" s="32"/>
      <c r="G58" s="27" t="s">
        <v>108</v>
      </c>
      <c r="H58" s="73" t="s">
        <v>255</v>
      </c>
      <c r="I58" s="74"/>
    </row>
    <row r="59" spans="1:9" ht="18.5" customHeight="1" x14ac:dyDescent="0.2">
      <c r="A59" s="14"/>
      <c r="B59" s="14"/>
      <c r="C59" s="7"/>
      <c r="D59" s="7"/>
      <c r="E59" s="15"/>
    </row>
    <row r="60" spans="1:9" ht="18.5" customHeight="1" x14ac:dyDescent="0.2">
      <c r="A60" s="14"/>
      <c r="B60" s="14"/>
      <c r="C60" s="14"/>
      <c r="D60" s="14"/>
      <c r="E60" s="15"/>
    </row>
    <row r="61" spans="1:9" ht="18.5" customHeight="1" x14ac:dyDescent="0.2">
      <c r="A61" s="15" t="s">
        <v>109</v>
      </c>
      <c r="B61" s="15"/>
      <c r="C61" s="15"/>
      <c r="D61" s="38"/>
      <c r="E61" s="15"/>
      <c r="F61" s="15" t="s">
        <v>233</v>
      </c>
      <c r="G61" s="15"/>
      <c r="H61" s="15"/>
      <c r="I61" s="38"/>
    </row>
    <row r="62" spans="1:9" ht="18.5" customHeight="1" x14ac:dyDescent="0.2">
      <c r="A62" s="78" t="s">
        <v>4</v>
      </c>
      <c r="B62" s="78" t="s">
        <v>110</v>
      </c>
      <c r="C62" s="67" t="s">
        <v>5</v>
      </c>
      <c r="D62" s="68"/>
      <c r="E62" s="15"/>
      <c r="F62" s="78" t="s">
        <v>4</v>
      </c>
      <c r="G62" s="78" t="s">
        <v>110</v>
      </c>
      <c r="H62" s="67" t="s">
        <v>5</v>
      </c>
      <c r="I62" s="68"/>
    </row>
    <row r="63" spans="1:9" ht="18.5" customHeight="1" x14ac:dyDescent="0.2">
      <c r="A63" s="79"/>
      <c r="B63" s="79"/>
      <c r="C63" s="69"/>
      <c r="D63" s="70"/>
      <c r="E63" s="15"/>
      <c r="F63" s="79"/>
      <c r="G63" s="79"/>
      <c r="H63" s="69"/>
      <c r="I63" s="70"/>
    </row>
    <row r="64" spans="1:9" ht="18.5" customHeight="1" x14ac:dyDescent="0.2">
      <c r="A64" s="82" t="s">
        <v>111</v>
      </c>
      <c r="B64" s="39" t="s">
        <v>112</v>
      </c>
      <c r="C64" s="73" t="s">
        <v>255</v>
      </c>
      <c r="D64" s="74"/>
      <c r="E64" s="15"/>
      <c r="F64" s="26" t="s">
        <v>179</v>
      </c>
      <c r="G64" s="80" t="s">
        <v>182</v>
      </c>
      <c r="H64" s="67" t="s">
        <v>256</v>
      </c>
      <c r="I64" s="68"/>
    </row>
    <row r="65" spans="1:9" ht="18.5" customHeight="1" x14ac:dyDescent="0.2">
      <c r="A65" s="83"/>
      <c r="B65" s="39" t="s">
        <v>115</v>
      </c>
      <c r="C65" s="73" t="s">
        <v>255</v>
      </c>
      <c r="D65" s="74"/>
      <c r="E65" s="17"/>
      <c r="F65" s="32" t="s">
        <v>181</v>
      </c>
      <c r="G65" s="81"/>
      <c r="H65" s="69"/>
      <c r="I65" s="70"/>
    </row>
    <row r="66" spans="1:9" ht="18.5" customHeight="1" x14ac:dyDescent="0.2">
      <c r="A66" s="83"/>
      <c r="B66" s="27" t="s">
        <v>116</v>
      </c>
      <c r="C66" s="73" t="s">
        <v>255</v>
      </c>
      <c r="D66" s="74"/>
      <c r="E66" s="4"/>
      <c r="F66" s="27" t="s">
        <v>185</v>
      </c>
      <c r="G66" s="40" t="s">
        <v>182</v>
      </c>
      <c r="H66" s="73" t="s">
        <v>255</v>
      </c>
      <c r="I66" s="74"/>
    </row>
    <row r="67" spans="1:9" ht="18.5" customHeight="1" x14ac:dyDescent="0.2">
      <c r="A67" s="84"/>
      <c r="B67" s="41" t="s">
        <v>117</v>
      </c>
      <c r="C67" s="73" t="s">
        <v>255</v>
      </c>
      <c r="D67" s="74"/>
      <c r="E67" s="4"/>
      <c r="F67" s="27" t="s">
        <v>186</v>
      </c>
      <c r="G67" s="40" t="s">
        <v>182</v>
      </c>
      <c r="H67" s="73" t="s">
        <v>255</v>
      </c>
      <c r="I67" s="74"/>
    </row>
    <row r="68" spans="1:9" ht="18.5" customHeight="1" x14ac:dyDescent="0.2">
      <c r="A68" s="26" t="s">
        <v>118</v>
      </c>
      <c r="B68" s="27" t="s">
        <v>119</v>
      </c>
      <c r="C68" s="73" t="s">
        <v>255</v>
      </c>
      <c r="D68" s="74"/>
      <c r="E68" s="15"/>
    </row>
    <row r="69" spans="1:9" ht="18.5" customHeight="1" x14ac:dyDescent="0.2">
      <c r="A69" s="28"/>
      <c r="B69" s="27" t="s">
        <v>120</v>
      </c>
      <c r="C69" s="73" t="s">
        <v>255</v>
      </c>
      <c r="D69" s="74"/>
      <c r="E69" s="15"/>
      <c r="F69" s="15" t="s">
        <v>232</v>
      </c>
      <c r="G69" s="15"/>
      <c r="H69" s="15"/>
      <c r="I69" s="38"/>
    </row>
    <row r="70" spans="1:9" ht="18.5" customHeight="1" x14ac:dyDescent="0.2">
      <c r="A70" s="32"/>
      <c r="B70" s="27" t="s">
        <v>123</v>
      </c>
      <c r="C70" s="73" t="s">
        <v>255</v>
      </c>
      <c r="D70" s="74"/>
      <c r="E70" s="15"/>
      <c r="F70" s="78" t="s">
        <v>4</v>
      </c>
      <c r="G70" s="78" t="s">
        <v>110</v>
      </c>
      <c r="H70" s="67" t="s">
        <v>5</v>
      </c>
      <c r="I70" s="68"/>
    </row>
    <row r="71" spans="1:9" ht="18.5" customHeight="1" x14ac:dyDescent="0.2">
      <c r="A71" s="26" t="s">
        <v>125</v>
      </c>
      <c r="B71" s="27" t="s">
        <v>126</v>
      </c>
      <c r="C71" s="73" t="s">
        <v>255</v>
      </c>
      <c r="D71" s="74"/>
      <c r="E71" s="15"/>
      <c r="F71" s="79"/>
      <c r="G71" s="79"/>
      <c r="H71" s="69"/>
      <c r="I71" s="70"/>
    </row>
    <row r="72" spans="1:9" ht="18.5" customHeight="1" x14ac:dyDescent="0.2">
      <c r="A72" s="28"/>
      <c r="B72" s="27" t="s">
        <v>119</v>
      </c>
      <c r="C72" s="73" t="s">
        <v>255</v>
      </c>
      <c r="D72" s="74"/>
      <c r="E72" s="15"/>
      <c r="F72" s="27" t="s">
        <v>113</v>
      </c>
      <c r="G72" s="40" t="s">
        <v>114</v>
      </c>
      <c r="H72" s="73" t="s">
        <v>255</v>
      </c>
      <c r="I72" s="74"/>
    </row>
    <row r="73" spans="1:9" ht="18.5" customHeight="1" x14ac:dyDescent="0.2">
      <c r="A73" s="32"/>
      <c r="B73" s="27" t="s">
        <v>117</v>
      </c>
      <c r="C73" s="73" t="s">
        <v>255</v>
      </c>
      <c r="D73" s="74"/>
      <c r="E73" s="15"/>
    </row>
    <row r="74" spans="1:9" ht="18.5" customHeight="1" x14ac:dyDescent="0.2">
      <c r="D74" s="6"/>
      <c r="E74" s="15"/>
      <c r="F74" s="15" t="s">
        <v>231</v>
      </c>
      <c r="G74" s="15"/>
      <c r="H74" s="15"/>
      <c r="I74" s="38"/>
    </row>
    <row r="75" spans="1:9" ht="18.5" customHeight="1" x14ac:dyDescent="0.2">
      <c r="A75" s="15" t="s">
        <v>128</v>
      </c>
      <c r="B75" s="15"/>
      <c r="C75" s="15"/>
      <c r="D75" s="6"/>
      <c r="E75" s="15"/>
      <c r="F75" s="78" t="s">
        <v>4</v>
      </c>
      <c r="G75" s="78" t="s">
        <v>110</v>
      </c>
      <c r="H75" s="67" t="s">
        <v>5</v>
      </c>
      <c r="I75" s="68"/>
    </row>
    <row r="76" spans="1:9" ht="18.5" customHeight="1" x14ac:dyDescent="0.2">
      <c r="A76" s="78" t="s">
        <v>4</v>
      </c>
      <c r="B76" s="78" t="s">
        <v>110</v>
      </c>
      <c r="C76" s="67" t="s">
        <v>5</v>
      </c>
      <c r="D76" s="68"/>
      <c r="E76" s="15"/>
      <c r="F76" s="79"/>
      <c r="G76" s="79"/>
      <c r="H76" s="69"/>
      <c r="I76" s="70"/>
    </row>
    <row r="77" spans="1:9" ht="18.5" customHeight="1" x14ac:dyDescent="0.2">
      <c r="A77" s="79"/>
      <c r="B77" s="79"/>
      <c r="C77" s="69"/>
      <c r="D77" s="70"/>
      <c r="E77" s="15"/>
      <c r="F77" s="27" t="s">
        <v>121</v>
      </c>
      <c r="G77" s="40" t="s">
        <v>122</v>
      </c>
      <c r="H77" s="73" t="s">
        <v>255</v>
      </c>
      <c r="I77" s="74"/>
    </row>
    <row r="78" spans="1:9" ht="18.5" customHeight="1" x14ac:dyDescent="0.2">
      <c r="A78" s="26" t="s">
        <v>134</v>
      </c>
      <c r="B78" s="27" t="s">
        <v>135</v>
      </c>
      <c r="C78" s="73" t="s">
        <v>255</v>
      </c>
      <c r="D78" s="74"/>
      <c r="E78" s="15"/>
      <c r="F78" s="27" t="s">
        <v>124</v>
      </c>
      <c r="G78" s="40" t="s">
        <v>122</v>
      </c>
      <c r="H78" s="73" t="s">
        <v>255</v>
      </c>
      <c r="I78" s="74"/>
    </row>
    <row r="79" spans="1:9" ht="18.5" customHeight="1" x14ac:dyDescent="0.2">
      <c r="A79" s="28"/>
      <c r="B79" s="27" t="s">
        <v>138</v>
      </c>
      <c r="C79" s="73" t="s">
        <v>255</v>
      </c>
      <c r="D79" s="74"/>
      <c r="E79" s="15"/>
    </row>
    <row r="80" spans="1:9" ht="18.5" customHeight="1" x14ac:dyDescent="0.2">
      <c r="A80" s="28"/>
      <c r="B80" s="27" t="s">
        <v>140</v>
      </c>
      <c r="C80" s="73" t="s">
        <v>255</v>
      </c>
      <c r="D80" s="74"/>
      <c r="E80" s="15"/>
      <c r="F80" s="15" t="s">
        <v>230</v>
      </c>
      <c r="G80" s="15"/>
      <c r="H80" s="15"/>
      <c r="I80" s="7"/>
    </row>
    <row r="81" spans="1:9" ht="18.5" customHeight="1" x14ac:dyDescent="0.2">
      <c r="A81" s="28"/>
      <c r="B81" s="26" t="s">
        <v>142</v>
      </c>
      <c r="C81" s="73" t="s">
        <v>255</v>
      </c>
      <c r="D81" s="74"/>
      <c r="E81" s="15"/>
      <c r="F81" s="78" t="s">
        <v>4</v>
      </c>
      <c r="G81" s="78" t="s">
        <v>110</v>
      </c>
      <c r="H81" s="67" t="s">
        <v>127</v>
      </c>
      <c r="I81" s="68"/>
    </row>
    <row r="82" spans="1:9" ht="18.5" customHeight="1" x14ac:dyDescent="0.2">
      <c r="A82" s="27" t="s">
        <v>144</v>
      </c>
      <c r="B82" s="27" t="s">
        <v>145</v>
      </c>
      <c r="C82" s="73" t="s">
        <v>255</v>
      </c>
      <c r="D82" s="74"/>
      <c r="E82" s="15"/>
      <c r="F82" s="79"/>
      <c r="G82" s="79"/>
      <c r="H82" s="69"/>
      <c r="I82" s="70"/>
    </row>
    <row r="83" spans="1:9" ht="18.5" customHeight="1" x14ac:dyDescent="0.2">
      <c r="A83" s="28" t="s">
        <v>147</v>
      </c>
      <c r="B83" s="32" t="s">
        <v>135</v>
      </c>
      <c r="C83" s="73" t="s">
        <v>255</v>
      </c>
      <c r="D83" s="74"/>
      <c r="E83" s="15"/>
      <c r="F83" s="85" t="s">
        <v>129</v>
      </c>
      <c r="G83" s="28" t="s">
        <v>130</v>
      </c>
      <c r="H83" s="73" t="s">
        <v>257</v>
      </c>
      <c r="I83" s="74"/>
    </row>
    <row r="84" spans="1:9" ht="18.5" customHeight="1" x14ac:dyDescent="0.2">
      <c r="A84" s="28"/>
      <c r="B84" s="27" t="s">
        <v>140</v>
      </c>
      <c r="C84" s="73" t="s">
        <v>255</v>
      </c>
      <c r="D84" s="74"/>
      <c r="E84" s="15"/>
      <c r="F84" s="86"/>
      <c r="G84" s="57" t="s">
        <v>131</v>
      </c>
      <c r="H84" s="73" t="s">
        <v>257</v>
      </c>
      <c r="I84" s="74"/>
    </row>
    <row r="85" spans="1:9" ht="18.5" customHeight="1" x14ac:dyDescent="0.2">
      <c r="A85" s="28"/>
      <c r="B85" s="27" t="s">
        <v>138</v>
      </c>
      <c r="C85" s="73" t="s">
        <v>255</v>
      </c>
      <c r="D85" s="74"/>
      <c r="E85" s="15"/>
      <c r="F85" s="27" t="s">
        <v>132</v>
      </c>
      <c r="G85" s="39" t="s">
        <v>133</v>
      </c>
      <c r="H85" s="73" t="s">
        <v>257</v>
      </c>
      <c r="I85" s="74"/>
    </row>
    <row r="86" spans="1:9" ht="18.5" customHeight="1" x14ac:dyDescent="0.2">
      <c r="A86" s="32"/>
      <c r="B86" s="27" t="s">
        <v>151</v>
      </c>
      <c r="C86" s="73" t="s">
        <v>255</v>
      </c>
      <c r="D86" s="74"/>
      <c r="E86" s="15"/>
      <c r="F86" s="26" t="s">
        <v>136</v>
      </c>
      <c r="G86" s="26" t="s">
        <v>137</v>
      </c>
      <c r="H86" s="73" t="s">
        <v>257</v>
      </c>
      <c r="I86" s="74"/>
    </row>
    <row r="87" spans="1:9" ht="18.5" customHeight="1" x14ac:dyDescent="0.2">
      <c r="A87" s="27" t="s">
        <v>153</v>
      </c>
      <c r="B87" s="27" t="s">
        <v>145</v>
      </c>
      <c r="C87" s="73" t="s">
        <v>255</v>
      </c>
      <c r="D87" s="74"/>
      <c r="E87" s="15"/>
      <c r="F87" s="27" t="s">
        <v>139</v>
      </c>
      <c r="G87" s="27" t="s">
        <v>133</v>
      </c>
      <c r="H87" s="73" t="s">
        <v>257</v>
      </c>
      <c r="I87" s="74"/>
    </row>
    <row r="88" spans="1:9" ht="18.5" customHeight="1" x14ac:dyDescent="0.2">
      <c r="A88" s="28" t="s">
        <v>155</v>
      </c>
      <c r="B88" s="32" t="s">
        <v>135</v>
      </c>
      <c r="C88" s="73" t="s">
        <v>255</v>
      </c>
      <c r="D88" s="74"/>
      <c r="E88" s="15"/>
      <c r="F88" s="26" t="s">
        <v>141</v>
      </c>
      <c r="G88" s="26" t="s">
        <v>137</v>
      </c>
      <c r="H88" s="73" t="s">
        <v>257</v>
      </c>
      <c r="I88" s="74"/>
    </row>
    <row r="89" spans="1:9" ht="18.5" customHeight="1" x14ac:dyDescent="0.2">
      <c r="A89" s="28"/>
      <c r="B89" s="27" t="s">
        <v>138</v>
      </c>
      <c r="C89" s="73" t="s">
        <v>255</v>
      </c>
      <c r="D89" s="74"/>
      <c r="E89" s="15"/>
      <c r="F89" s="27" t="s">
        <v>143</v>
      </c>
      <c r="G89" s="27" t="s">
        <v>133</v>
      </c>
      <c r="H89" s="73" t="s">
        <v>257</v>
      </c>
      <c r="I89" s="74"/>
    </row>
    <row r="90" spans="1:9" ht="18.5" customHeight="1" x14ac:dyDescent="0.2">
      <c r="A90" s="28"/>
      <c r="B90" s="27" t="s">
        <v>140</v>
      </c>
      <c r="C90" s="73" t="s">
        <v>255</v>
      </c>
      <c r="D90" s="74"/>
      <c r="E90" s="15"/>
      <c r="F90" s="27" t="s">
        <v>146</v>
      </c>
      <c r="G90" s="39" t="s">
        <v>133</v>
      </c>
      <c r="H90" s="73" t="s">
        <v>257</v>
      </c>
      <c r="I90" s="74"/>
    </row>
    <row r="91" spans="1:9" ht="18.5" customHeight="1" x14ac:dyDescent="0.2">
      <c r="A91" s="26" t="s">
        <v>158</v>
      </c>
      <c r="B91" s="32" t="s">
        <v>135</v>
      </c>
      <c r="C91" s="73" t="s">
        <v>255</v>
      </c>
      <c r="D91" s="74"/>
      <c r="E91" s="15"/>
      <c r="F91" s="27" t="s">
        <v>148</v>
      </c>
      <c r="G91" s="39" t="s">
        <v>137</v>
      </c>
      <c r="H91" s="73" t="s">
        <v>257</v>
      </c>
      <c r="I91" s="74"/>
    </row>
    <row r="92" spans="1:9" ht="18.5" customHeight="1" x14ac:dyDescent="0.2">
      <c r="A92" s="28"/>
      <c r="B92" s="52" t="s">
        <v>222</v>
      </c>
      <c r="C92" s="73" t="s">
        <v>255</v>
      </c>
      <c r="D92" s="74"/>
      <c r="E92" s="15"/>
      <c r="F92" s="42" t="s">
        <v>149</v>
      </c>
      <c r="G92" s="39" t="s">
        <v>133</v>
      </c>
      <c r="H92" s="73" t="s">
        <v>257</v>
      </c>
      <c r="I92" s="74"/>
    </row>
    <row r="93" spans="1:9" ht="18.5" customHeight="1" x14ac:dyDescent="0.2">
      <c r="A93" s="28"/>
      <c r="B93" s="52" t="s">
        <v>221</v>
      </c>
      <c r="C93" s="73" t="s">
        <v>255</v>
      </c>
      <c r="D93" s="74"/>
      <c r="E93" s="15"/>
      <c r="F93" s="27" t="s">
        <v>150</v>
      </c>
      <c r="G93" s="39" t="s">
        <v>133</v>
      </c>
      <c r="H93" s="73" t="s">
        <v>257</v>
      </c>
      <c r="I93" s="74"/>
    </row>
    <row r="94" spans="1:9" ht="18.5" customHeight="1" x14ac:dyDescent="0.2">
      <c r="A94" s="32"/>
      <c r="B94" s="27" t="s">
        <v>151</v>
      </c>
      <c r="C94" s="73" t="s">
        <v>255</v>
      </c>
      <c r="D94" s="74"/>
      <c r="E94" s="15"/>
      <c r="F94" s="32" t="s">
        <v>152</v>
      </c>
      <c r="G94" s="39" t="s">
        <v>133</v>
      </c>
      <c r="H94" s="73" t="s">
        <v>257</v>
      </c>
      <c r="I94" s="74"/>
    </row>
    <row r="95" spans="1:9" ht="18.5" customHeight="1" x14ac:dyDescent="0.2">
      <c r="A95" s="28" t="s">
        <v>159</v>
      </c>
      <c r="B95" s="27" t="s">
        <v>160</v>
      </c>
      <c r="C95" s="73" t="s">
        <v>255</v>
      </c>
      <c r="D95" s="74"/>
      <c r="E95" s="15"/>
      <c r="F95" s="27" t="s">
        <v>154</v>
      </c>
      <c r="G95" s="39" t="s">
        <v>133</v>
      </c>
      <c r="H95" s="73" t="s">
        <v>257</v>
      </c>
      <c r="I95" s="74"/>
    </row>
    <row r="96" spans="1:9" ht="18.5" customHeight="1" x14ac:dyDescent="0.2">
      <c r="A96" s="26" t="s">
        <v>163</v>
      </c>
      <c r="B96" s="27" t="s">
        <v>160</v>
      </c>
      <c r="C96" s="73" t="s">
        <v>255</v>
      </c>
      <c r="D96" s="74"/>
      <c r="E96" s="15"/>
      <c r="F96" s="27" t="s">
        <v>156</v>
      </c>
      <c r="G96" s="39" t="s">
        <v>133</v>
      </c>
      <c r="H96" s="73" t="s">
        <v>257</v>
      </c>
      <c r="I96" s="74"/>
    </row>
    <row r="97" spans="1:9" ht="18.5" customHeight="1" x14ac:dyDescent="0.2">
      <c r="A97" s="26" t="s">
        <v>165</v>
      </c>
      <c r="B97" s="32" t="s">
        <v>135</v>
      </c>
      <c r="C97" s="73" t="s">
        <v>255</v>
      </c>
      <c r="D97" s="74"/>
      <c r="E97" s="15"/>
      <c r="F97" s="52" t="s">
        <v>220</v>
      </c>
      <c r="G97" s="59" t="s">
        <v>137</v>
      </c>
      <c r="H97" s="73" t="s">
        <v>257</v>
      </c>
      <c r="I97" s="74"/>
    </row>
    <row r="98" spans="1:9" ht="18.5" customHeight="1" x14ac:dyDescent="0.2">
      <c r="A98" s="28" t="s">
        <v>167</v>
      </c>
      <c r="B98" s="27" t="s">
        <v>138</v>
      </c>
      <c r="C98" s="73" t="s">
        <v>255</v>
      </c>
      <c r="D98" s="74"/>
      <c r="E98" s="15"/>
      <c r="F98" s="27" t="s">
        <v>157</v>
      </c>
      <c r="G98" s="40" t="s">
        <v>137</v>
      </c>
      <c r="H98" s="73" t="s">
        <v>257</v>
      </c>
      <c r="I98" s="74"/>
    </row>
    <row r="99" spans="1:9" ht="18.5" customHeight="1" x14ac:dyDescent="0.2">
      <c r="A99" s="28"/>
      <c r="B99" s="27" t="s">
        <v>140</v>
      </c>
      <c r="C99" s="73" t="s">
        <v>255</v>
      </c>
      <c r="D99" s="74"/>
      <c r="E99" s="15"/>
    </row>
    <row r="100" spans="1:9" ht="18.5" customHeight="1" x14ac:dyDescent="0.2">
      <c r="A100" s="32"/>
      <c r="B100" s="27" t="s">
        <v>142</v>
      </c>
      <c r="C100" s="73" t="s">
        <v>255</v>
      </c>
      <c r="D100" s="74"/>
      <c r="E100" s="15"/>
      <c r="F100" s="15" t="s">
        <v>229</v>
      </c>
      <c r="G100" s="15"/>
      <c r="H100" s="15"/>
      <c r="I100" s="7"/>
    </row>
    <row r="101" spans="1:9" ht="18.5" customHeight="1" x14ac:dyDescent="0.2">
      <c r="A101" s="14"/>
      <c r="B101" s="14"/>
      <c r="C101" s="14"/>
      <c r="D101" s="7"/>
      <c r="E101" s="15"/>
      <c r="F101" s="78" t="s">
        <v>4</v>
      </c>
      <c r="G101" s="78" t="s">
        <v>110</v>
      </c>
      <c r="H101" s="67" t="s">
        <v>127</v>
      </c>
      <c r="I101" s="68"/>
    </row>
    <row r="102" spans="1:9" ht="18.5" customHeight="1" x14ac:dyDescent="0.2">
      <c r="A102" s="15" t="s">
        <v>171</v>
      </c>
      <c r="B102" s="15"/>
      <c r="C102" s="15"/>
      <c r="D102" s="6"/>
      <c r="E102" s="15"/>
      <c r="F102" s="79"/>
      <c r="G102" s="79"/>
      <c r="H102" s="69"/>
      <c r="I102" s="70"/>
    </row>
    <row r="103" spans="1:9" ht="18.5" customHeight="1" x14ac:dyDescent="0.2">
      <c r="A103" s="78" t="s">
        <v>4</v>
      </c>
      <c r="B103" s="78" t="s">
        <v>110</v>
      </c>
      <c r="C103" s="67" t="s">
        <v>5</v>
      </c>
      <c r="D103" s="68"/>
      <c r="E103" s="15"/>
      <c r="F103" s="27" t="s">
        <v>161</v>
      </c>
      <c r="G103" s="27" t="s">
        <v>162</v>
      </c>
      <c r="H103" s="73" t="s">
        <v>257</v>
      </c>
      <c r="I103" s="74"/>
    </row>
    <row r="104" spans="1:9" ht="18.5" customHeight="1" x14ac:dyDescent="0.2">
      <c r="A104" s="79"/>
      <c r="B104" s="79"/>
      <c r="C104" s="69"/>
      <c r="D104" s="70"/>
      <c r="E104" s="15"/>
      <c r="F104" s="27" t="s">
        <v>164</v>
      </c>
      <c r="G104" s="27" t="s">
        <v>162</v>
      </c>
      <c r="H104" s="73" t="s">
        <v>257</v>
      </c>
      <c r="I104" s="74"/>
    </row>
    <row r="105" spans="1:9" ht="18.5" customHeight="1" x14ac:dyDescent="0.2">
      <c r="A105" s="26" t="s">
        <v>144</v>
      </c>
      <c r="B105" s="27" t="s">
        <v>172</v>
      </c>
      <c r="C105" s="73" t="s">
        <v>255</v>
      </c>
      <c r="D105" s="74"/>
      <c r="E105" s="15"/>
      <c r="F105" s="27" t="s">
        <v>166</v>
      </c>
      <c r="G105" s="27" t="s">
        <v>162</v>
      </c>
      <c r="H105" s="73" t="s">
        <v>257</v>
      </c>
      <c r="I105" s="74"/>
    </row>
    <row r="106" spans="1:9" ht="18.5" customHeight="1" x14ac:dyDescent="0.2">
      <c r="A106" s="26" t="s">
        <v>173</v>
      </c>
      <c r="B106" s="27" t="s">
        <v>172</v>
      </c>
      <c r="C106" s="73" t="s">
        <v>255</v>
      </c>
      <c r="D106" s="74"/>
      <c r="E106" s="15"/>
      <c r="F106" s="27" t="s">
        <v>168</v>
      </c>
      <c r="G106" s="27" t="s">
        <v>162</v>
      </c>
      <c r="H106" s="73" t="s">
        <v>257</v>
      </c>
      <c r="I106" s="74"/>
    </row>
    <row r="107" spans="1:9" ht="18.5" customHeight="1" x14ac:dyDescent="0.2">
      <c r="A107" s="26" t="s">
        <v>175</v>
      </c>
      <c r="B107" s="26" t="s">
        <v>172</v>
      </c>
      <c r="C107" s="73" t="s">
        <v>255</v>
      </c>
      <c r="D107" s="74"/>
      <c r="E107" s="15"/>
      <c r="F107" s="27" t="s">
        <v>169</v>
      </c>
      <c r="G107" s="27" t="s">
        <v>162</v>
      </c>
      <c r="H107" s="73" t="s">
        <v>257</v>
      </c>
      <c r="I107" s="74"/>
    </row>
    <row r="108" spans="1:9" ht="18.5" customHeight="1" x14ac:dyDescent="0.2">
      <c r="A108" s="27" t="s">
        <v>118</v>
      </c>
      <c r="B108" s="27" t="s">
        <v>172</v>
      </c>
      <c r="C108" s="73" t="s">
        <v>255</v>
      </c>
      <c r="D108" s="74"/>
      <c r="E108" s="15"/>
      <c r="F108" s="27" t="s">
        <v>170</v>
      </c>
      <c r="G108" s="27" t="s">
        <v>162</v>
      </c>
      <c r="H108" s="73" t="s">
        <v>257</v>
      </c>
      <c r="I108" s="74"/>
    </row>
    <row r="109" spans="1:9" ht="18.5" customHeight="1" x14ac:dyDescent="0.2">
      <c r="A109" s="66" t="s">
        <v>244</v>
      </c>
      <c r="B109" s="27" t="s">
        <v>172</v>
      </c>
      <c r="C109" s="73" t="s">
        <v>255</v>
      </c>
      <c r="D109" s="74"/>
      <c r="E109" s="15"/>
    </row>
    <row r="110" spans="1:9" ht="18.5" customHeight="1" x14ac:dyDescent="0.2">
      <c r="A110" s="47"/>
      <c r="B110" s="47"/>
      <c r="C110" s="14"/>
      <c r="D110" s="7"/>
      <c r="E110" s="15"/>
      <c r="F110" s="15" t="s">
        <v>228</v>
      </c>
      <c r="G110" s="15"/>
      <c r="H110" s="15"/>
      <c r="I110" s="38"/>
    </row>
    <row r="111" spans="1:9" ht="18.5" customHeight="1" x14ac:dyDescent="0.2">
      <c r="A111" s="15" t="s">
        <v>235</v>
      </c>
      <c r="B111" s="15"/>
      <c r="C111" s="15"/>
      <c r="D111" s="6"/>
      <c r="E111" s="15"/>
      <c r="F111" s="78" t="s">
        <v>4</v>
      </c>
      <c r="G111" s="78" t="s">
        <v>110</v>
      </c>
      <c r="H111" s="67" t="s">
        <v>127</v>
      </c>
      <c r="I111" s="68"/>
    </row>
    <row r="112" spans="1:9" ht="18.5" customHeight="1" x14ac:dyDescent="0.2">
      <c r="A112" s="78" t="s">
        <v>4</v>
      </c>
      <c r="B112" s="78" t="s">
        <v>110</v>
      </c>
      <c r="C112" s="67" t="s">
        <v>5</v>
      </c>
      <c r="D112" s="68"/>
      <c r="E112" s="15"/>
      <c r="F112" s="79"/>
      <c r="G112" s="79"/>
      <c r="H112" s="69"/>
      <c r="I112" s="70"/>
    </row>
    <row r="113" spans="1:9" ht="18.5" customHeight="1" x14ac:dyDescent="0.2">
      <c r="A113" s="79"/>
      <c r="B113" s="79"/>
      <c r="C113" s="69"/>
      <c r="D113" s="70"/>
      <c r="E113" s="15"/>
      <c r="F113" s="43" t="s">
        <v>174</v>
      </c>
      <c r="G113" s="43" t="s">
        <v>112</v>
      </c>
      <c r="H113" s="73" t="s">
        <v>257</v>
      </c>
      <c r="I113" s="74"/>
    </row>
    <row r="114" spans="1:9" ht="18.5" customHeight="1" x14ac:dyDescent="0.2">
      <c r="A114" s="53" t="s">
        <v>236</v>
      </c>
      <c r="B114" s="52" t="s">
        <v>237</v>
      </c>
      <c r="C114" s="73" t="s">
        <v>255</v>
      </c>
      <c r="D114" s="74"/>
      <c r="E114" s="7"/>
      <c r="F114" s="24" t="s">
        <v>176</v>
      </c>
      <c r="G114" s="44" t="s">
        <v>112</v>
      </c>
      <c r="H114" s="73" t="s">
        <v>257</v>
      </c>
      <c r="I114" s="74"/>
    </row>
    <row r="115" spans="1:9" ht="18.5" customHeight="1" x14ac:dyDescent="0.2">
      <c r="A115" s="60"/>
      <c r="B115" s="52" t="s">
        <v>238</v>
      </c>
      <c r="C115" s="73" t="s">
        <v>255</v>
      </c>
      <c r="D115" s="74"/>
      <c r="E115" s="7"/>
      <c r="F115" s="45"/>
      <c r="G115" s="42" t="s">
        <v>177</v>
      </c>
      <c r="H115" s="73" t="s">
        <v>257</v>
      </c>
      <c r="I115" s="74"/>
    </row>
    <row r="116" spans="1:9" ht="18.5" customHeight="1" x14ac:dyDescent="0.2">
      <c r="A116" s="60"/>
      <c r="B116" s="53" t="s">
        <v>239</v>
      </c>
      <c r="C116" s="73" t="s">
        <v>255</v>
      </c>
      <c r="D116" s="74"/>
      <c r="E116" s="7"/>
      <c r="F116" s="39"/>
      <c r="G116" s="46" t="s">
        <v>178</v>
      </c>
      <c r="H116" s="73" t="s">
        <v>257</v>
      </c>
      <c r="I116" s="74"/>
    </row>
    <row r="117" spans="1:9" ht="18.5" customHeight="1" x14ac:dyDescent="0.2">
      <c r="A117" s="61"/>
      <c r="B117" s="52" t="s">
        <v>240</v>
      </c>
      <c r="C117" s="73" t="s">
        <v>255</v>
      </c>
      <c r="D117" s="74"/>
      <c r="E117" s="17"/>
    </row>
    <row r="118" spans="1:9" ht="18.5" customHeight="1" x14ac:dyDescent="0.2">
      <c r="E118" s="17"/>
      <c r="F118" s="15" t="s">
        <v>245</v>
      </c>
      <c r="G118" s="15"/>
      <c r="H118" s="15"/>
      <c r="I118" s="38"/>
    </row>
    <row r="119" spans="1:9" ht="18.5" customHeight="1" x14ac:dyDescent="0.2">
      <c r="A119" s="15" t="s">
        <v>234</v>
      </c>
      <c r="B119" s="15"/>
      <c r="C119" s="15"/>
      <c r="D119" s="38"/>
      <c r="E119" s="17"/>
      <c r="F119" s="78" t="s">
        <v>4</v>
      </c>
      <c r="G119" s="78" t="s">
        <v>110</v>
      </c>
      <c r="H119" s="67" t="s">
        <v>127</v>
      </c>
      <c r="I119" s="68"/>
    </row>
    <row r="120" spans="1:9" ht="18.5" customHeight="1" x14ac:dyDescent="0.2">
      <c r="A120" s="78" t="s">
        <v>4</v>
      </c>
      <c r="B120" s="78" t="s">
        <v>110</v>
      </c>
      <c r="C120" s="67" t="s">
        <v>5</v>
      </c>
      <c r="D120" s="68"/>
      <c r="E120" s="17"/>
      <c r="F120" s="79"/>
      <c r="G120" s="79"/>
      <c r="H120" s="69"/>
      <c r="I120" s="70"/>
    </row>
    <row r="121" spans="1:9" ht="18.5" customHeight="1" x14ac:dyDescent="0.2">
      <c r="A121" s="79"/>
      <c r="B121" s="79"/>
      <c r="C121" s="69"/>
      <c r="D121" s="70"/>
      <c r="E121" s="17"/>
      <c r="F121" s="40" t="s">
        <v>183</v>
      </c>
      <c r="G121" s="42" t="s">
        <v>184</v>
      </c>
      <c r="H121" s="73" t="s">
        <v>257</v>
      </c>
      <c r="I121" s="74"/>
    </row>
    <row r="122" spans="1:9" ht="18.5" customHeight="1" x14ac:dyDescent="0.2">
      <c r="A122" s="26" t="s">
        <v>179</v>
      </c>
      <c r="B122" s="80" t="s">
        <v>180</v>
      </c>
      <c r="C122" s="67" t="s">
        <v>256</v>
      </c>
      <c r="D122" s="68"/>
      <c r="E122" s="17"/>
      <c r="I122" s="2"/>
    </row>
    <row r="123" spans="1:9" ht="18.5" customHeight="1" x14ac:dyDescent="0.2">
      <c r="A123" s="32" t="s">
        <v>181</v>
      </c>
      <c r="B123" s="81"/>
      <c r="C123" s="69"/>
      <c r="D123" s="70"/>
      <c r="E123" s="17"/>
      <c r="I123" s="2"/>
    </row>
    <row r="124" spans="1:9" ht="18.5" customHeight="1" x14ac:dyDescent="0.2">
      <c r="E124" s="17"/>
      <c r="F124" s="17"/>
      <c r="G124" s="55"/>
      <c r="H124" s="56"/>
      <c r="I124" s="7"/>
    </row>
    <row r="125" spans="1:9" ht="18.5" customHeight="1" x14ac:dyDescent="0.2">
      <c r="A125" s="15" t="s">
        <v>246</v>
      </c>
      <c r="B125" s="15"/>
      <c r="C125" s="15"/>
      <c r="D125" s="4"/>
      <c r="E125" s="17"/>
      <c r="F125" s="15" t="s">
        <v>253</v>
      </c>
      <c r="G125" s="15"/>
      <c r="H125" s="15"/>
    </row>
    <row r="126" spans="1:9" ht="18.5" customHeight="1" x14ac:dyDescent="0.2">
      <c r="A126" s="78" t="s">
        <v>4</v>
      </c>
      <c r="B126" s="78" t="s">
        <v>110</v>
      </c>
      <c r="C126" s="67" t="s">
        <v>127</v>
      </c>
      <c r="D126" s="68"/>
      <c r="E126" s="17"/>
      <c r="F126" s="78" t="s">
        <v>4</v>
      </c>
      <c r="G126" s="78" t="s">
        <v>187</v>
      </c>
      <c r="H126" s="67" t="s">
        <v>5</v>
      </c>
      <c r="I126" s="68"/>
    </row>
    <row r="127" spans="1:9" ht="18.5" customHeight="1" x14ac:dyDescent="0.2">
      <c r="A127" s="79"/>
      <c r="B127" s="79"/>
      <c r="C127" s="69"/>
      <c r="D127" s="70"/>
      <c r="E127" s="17"/>
      <c r="F127" s="79"/>
      <c r="G127" s="79"/>
      <c r="H127" s="69"/>
      <c r="I127" s="70"/>
    </row>
    <row r="128" spans="1:9" ht="18.5" customHeight="1" x14ac:dyDescent="0.2">
      <c r="A128" s="40" t="s">
        <v>188</v>
      </c>
      <c r="B128" s="27" t="s">
        <v>114</v>
      </c>
      <c r="C128" s="73" t="s">
        <v>257</v>
      </c>
      <c r="D128" s="74"/>
      <c r="E128" s="17"/>
      <c r="F128" s="28" t="s">
        <v>189</v>
      </c>
      <c r="G128" s="26" t="s">
        <v>133</v>
      </c>
      <c r="H128" s="73" t="s">
        <v>255</v>
      </c>
      <c r="I128" s="74"/>
    </row>
    <row r="129" spans="1:9" ht="18.5" customHeight="1" x14ac:dyDescent="0.2">
      <c r="E129" s="17"/>
      <c r="F129" s="27" t="s">
        <v>190</v>
      </c>
      <c r="G129" s="27" t="s">
        <v>191</v>
      </c>
      <c r="H129" s="90">
        <v>1</v>
      </c>
      <c r="I129" s="74"/>
    </row>
    <row r="130" spans="1:9" ht="18.5" customHeight="1" x14ac:dyDescent="0.2">
      <c r="A130" s="15" t="s">
        <v>247</v>
      </c>
      <c r="B130" s="15"/>
      <c r="C130" s="15"/>
      <c r="D130" s="4"/>
      <c r="E130" s="17"/>
      <c r="F130" s="27" t="s">
        <v>192</v>
      </c>
      <c r="G130" s="27" t="s">
        <v>191</v>
      </c>
      <c r="H130" s="90">
        <v>3</v>
      </c>
      <c r="I130" s="74"/>
    </row>
    <row r="131" spans="1:9" ht="18.5" customHeight="1" x14ac:dyDescent="0.2">
      <c r="A131" s="78" t="s">
        <v>4</v>
      </c>
      <c r="B131" s="78" t="s">
        <v>110</v>
      </c>
      <c r="C131" s="67" t="s">
        <v>127</v>
      </c>
      <c r="D131" s="68"/>
      <c r="E131" s="17"/>
      <c r="F131" s="53" t="s">
        <v>193</v>
      </c>
      <c r="G131" s="53" t="s">
        <v>133</v>
      </c>
      <c r="H131" s="90">
        <v>2</v>
      </c>
      <c r="I131" s="74"/>
    </row>
    <row r="132" spans="1:9" ht="18.5" customHeight="1" x14ac:dyDescent="0.2">
      <c r="A132" s="79"/>
      <c r="B132" s="79"/>
      <c r="C132" s="69"/>
      <c r="D132" s="70"/>
      <c r="E132" s="17"/>
      <c r="F132" s="53" t="s">
        <v>223</v>
      </c>
      <c r="G132" s="53" t="s">
        <v>133</v>
      </c>
      <c r="H132" s="90">
        <v>2</v>
      </c>
      <c r="I132" s="74"/>
    </row>
    <row r="133" spans="1:9" ht="18.5" customHeight="1" thickBot="1" x14ac:dyDescent="0.25">
      <c r="A133" s="40" t="s">
        <v>188</v>
      </c>
      <c r="B133" s="27" t="s">
        <v>194</v>
      </c>
      <c r="C133" s="73" t="s">
        <v>257</v>
      </c>
      <c r="D133" s="74"/>
      <c r="E133" s="17"/>
      <c r="F133" s="62" t="s">
        <v>224</v>
      </c>
      <c r="G133" s="62" t="s">
        <v>133</v>
      </c>
      <c r="H133" s="87" t="s">
        <v>255</v>
      </c>
      <c r="I133" s="88"/>
    </row>
    <row r="134" spans="1:9" ht="18.5" customHeight="1" thickTop="1" x14ac:dyDescent="0.2">
      <c r="D134" s="48"/>
      <c r="E134" s="17"/>
      <c r="F134" s="89" t="s">
        <v>4</v>
      </c>
      <c r="G134" s="89" t="s">
        <v>187</v>
      </c>
      <c r="H134" s="67" t="s">
        <v>127</v>
      </c>
      <c r="I134" s="68"/>
    </row>
    <row r="135" spans="1:9" ht="18.5" customHeight="1" x14ac:dyDescent="0.2">
      <c r="A135" s="15" t="s">
        <v>248</v>
      </c>
      <c r="B135" s="15"/>
      <c r="C135" s="15"/>
      <c r="D135" s="4"/>
      <c r="E135" s="17"/>
      <c r="F135" s="79"/>
      <c r="G135" s="79"/>
      <c r="H135" s="69"/>
      <c r="I135" s="70"/>
    </row>
    <row r="136" spans="1:9" ht="18.5" customHeight="1" x14ac:dyDescent="0.2">
      <c r="A136" s="78" t="s">
        <v>4</v>
      </c>
      <c r="B136" s="78" t="s">
        <v>110</v>
      </c>
      <c r="C136" s="67" t="s">
        <v>127</v>
      </c>
      <c r="D136" s="68"/>
      <c r="E136" s="17"/>
      <c r="F136" s="63" t="s">
        <v>226</v>
      </c>
      <c r="G136" s="63" t="s">
        <v>225</v>
      </c>
      <c r="H136" s="73" t="s">
        <v>257</v>
      </c>
      <c r="I136" s="74"/>
    </row>
    <row r="137" spans="1:9" ht="18.5" customHeight="1" x14ac:dyDescent="0.2">
      <c r="A137" s="79"/>
      <c r="B137" s="79"/>
      <c r="C137" s="69"/>
      <c r="D137" s="70"/>
      <c r="E137" s="17"/>
      <c r="F137" s="53" t="s">
        <v>141</v>
      </c>
      <c r="G137" s="54" t="s">
        <v>195</v>
      </c>
      <c r="H137" s="73" t="s">
        <v>257</v>
      </c>
      <c r="I137" s="74"/>
    </row>
    <row r="138" spans="1:9" ht="18.5" customHeight="1" x14ac:dyDescent="0.2">
      <c r="A138" s="40" t="s">
        <v>188</v>
      </c>
      <c r="B138" s="27" t="s">
        <v>200</v>
      </c>
      <c r="C138" s="73" t="s">
        <v>257</v>
      </c>
      <c r="D138" s="74"/>
      <c r="E138" s="17"/>
      <c r="F138" s="52" t="s">
        <v>196</v>
      </c>
      <c r="G138" s="64" t="s">
        <v>197</v>
      </c>
      <c r="H138" s="91" t="s">
        <v>257</v>
      </c>
      <c r="I138" s="92"/>
    </row>
    <row r="139" spans="1:9" ht="18.5" customHeight="1" x14ac:dyDescent="0.2">
      <c r="E139" s="17"/>
      <c r="F139" s="52" t="s">
        <v>198</v>
      </c>
      <c r="G139" s="64" t="s">
        <v>197</v>
      </c>
      <c r="H139" s="91" t="s">
        <v>257</v>
      </c>
      <c r="I139" s="92"/>
    </row>
    <row r="140" spans="1:9" ht="18.5" customHeight="1" x14ac:dyDescent="0.2">
      <c r="A140" s="15" t="s">
        <v>249</v>
      </c>
      <c r="B140" s="15"/>
      <c r="C140" s="15"/>
      <c r="D140" s="38"/>
      <c r="E140" s="17"/>
      <c r="F140" s="52" t="s">
        <v>188</v>
      </c>
      <c r="G140" s="52" t="s">
        <v>199</v>
      </c>
      <c r="H140" s="91" t="s">
        <v>258</v>
      </c>
      <c r="I140" s="92"/>
    </row>
    <row r="141" spans="1:9" ht="18.5" customHeight="1" x14ac:dyDescent="0.2">
      <c r="A141" s="78" t="s">
        <v>4</v>
      </c>
      <c r="B141" s="78" t="s">
        <v>110</v>
      </c>
      <c r="C141" s="67" t="s">
        <v>127</v>
      </c>
      <c r="D141" s="68"/>
      <c r="E141" s="17"/>
      <c r="F141" s="52" t="s">
        <v>161</v>
      </c>
      <c r="G141" s="52" t="s">
        <v>201</v>
      </c>
      <c r="H141" s="91" t="s">
        <v>257</v>
      </c>
      <c r="I141" s="92"/>
    </row>
    <row r="142" spans="1:9" ht="18.5" customHeight="1" x14ac:dyDescent="0.2">
      <c r="A142" s="79"/>
      <c r="B142" s="79"/>
      <c r="C142" s="69"/>
      <c r="D142" s="70"/>
      <c r="E142" s="17"/>
      <c r="F142" s="52" t="s">
        <v>227</v>
      </c>
      <c r="G142" s="52" t="s">
        <v>201</v>
      </c>
      <c r="H142" s="73" t="s">
        <v>257</v>
      </c>
      <c r="I142" s="74"/>
    </row>
    <row r="143" spans="1:9" ht="18.5" customHeight="1" x14ac:dyDescent="0.2">
      <c r="A143" s="82" t="s">
        <v>202</v>
      </c>
      <c r="B143" s="49" t="s">
        <v>203</v>
      </c>
      <c r="C143" s="73" t="s">
        <v>257</v>
      </c>
      <c r="D143" s="74"/>
      <c r="E143" s="50"/>
      <c r="F143" s="52" t="s">
        <v>170</v>
      </c>
      <c r="G143" s="52" t="s">
        <v>201</v>
      </c>
      <c r="H143" s="91" t="s">
        <v>257</v>
      </c>
      <c r="I143" s="92"/>
    </row>
    <row r="144" spans="1:9" ht="35" customHeight="1" x14ac:dyDescent="0.2">
      <c r="A144" s="84"/>
      <c r="B144" s="46" t="s">
        <v>204</v>
      </c>
      <c r="C144" s="75" t="s">
        <v>258</v>
      </c>
      <c r="D144" s="76"/>
      <c r="E144" s="50"/>
    </row>
    <row r="145" spans="1:5" ht="18.5" customHeight="1" x14ac:dyDescent="0.2">
      <c r="E145" s="15"/>
    </row>
    <row r="146" spans="1:5" ht="18.5" customHeight="1" x14ac:dyDescent="0.2">
      <c r="A146" s="15" t="s">
        <v>250</v>
      </c>
      <c r="B146" s="15"/>
      <c r="C146" s="15"/>
      <c r="D146" s="38"/>
      <c r="E146" s="15"/>
    </row>
    <row r="147" spans="1:5" ht="18.5" customHeight="1" x14ac:dyDescent="0.2">
      <c r="A147" s="78" t="s">
        <v>4</v>
      </c>
      <c r="B147" s="78" t="s">
        <v>110</v>
      </c>
      <c r="C147" s="67" t="s">
        <v>127</v>
      </c>
      <c r="D147" s="68"/>
      <c r="E147" s="15"/>
    </row>
    <row r="148" spans="1:5" ht="18.5" customHeight="1" x14ac:dyDescent="0.2">
      <c r="A148" s="79"/>
      <c r="B148" s="79"/>
      <c r="C148" s="69"/>
      <c r="D148" s="70"/>
      <c r="E148" s="15"/>
    </row>
    <row r="149" spans="1:5" ht="18.5" customHeight="1" x14ac:dyDescent="0.2">
      <c r="A149" s="24" t="s">
        <v>205</v>
      </c>
      <c r="B149" s="80" t="s">
        <v>206</v>
      </c>
      <c r="C149" s="67" t="s">
        <v>257</v>
      </c>
      <c r="D149" s="68"/>
      <c r="E149" s="15"/>
    </row>
    <row r="150" spans="1:5" ht="18.5" customHeight="1" x14ac:dyDescent="0.2">
      <c r="A150" s="32" t="s">
        <v>207</v>
      </c>
      <c r="B150" s="81"/>
      <c r="C150" s="69"/>
      <c r="D150" s="70"/>
      <c r="E150" s="15"/>
    </row>
    <row r="151" spans="1:5" ht="18.5" customHeight="1" x14ac:dyDescent="0.2">
      <c r="E151" s="15"/>
    </row>
    <row r="152" spans="1:5" ht="18.5" customHeight="1" x14ac:dyDescent="0.2">
      <c r="A152" s="15" t="s">
        <v>251</v>
      </c>
      <c r="B152" s="15"/>
      <c r="C152" s="15"/>
      <c r="D152" s="38"/>
      <c r="E152" s="15"/>
    </row>
    <row r="153" spans="1:5" ht="18.5" customHeight="1" x14ac:dyDescent="0.2">
      <c r="A153" s="78" t="s">
        <v>4</v>
      </c>
      <c r="B153" s="78" t="s">
        <v>110</v>
      </c>
      <c r="C153" s="67" t="s">
        <v>127</v>
      </c>
      <c r="D153" s="68"/>
      <c r="E153" s="15"/>
    </row>
    <row r="154" spans="1:5" ht="18.5" customHeight="1" x14ac:dyDescent="0.2">
      <c r="A154" s="79"/>
      <c r="B154" s="79"/>
      <c r="C154" s="69"/>
      <c r="D154" s="70"/>
      <c r="E154" s="15"/>
    </row>
    <row r="155" spans="1:5" ht="18.5" customHeight="1" x14ac:dyDescent="0.2">
      <c r="A155" s="40" t="s">
        <v>208</v>
      </c>
      <c r="B155" s="40" t="s">
        <v>209</v>
      </c>
      <c r="C155" s="73" t="s">
        <v>258</v>
      </c>
      <c r="D155" s="74"/>
      <c r="E155" s="15"/>
    </row>
    <row r="156" spans="1:5" ht="18.5" customHeight="1" x14ac:dyDescent="0.2">
      <c r="E156" s="15"/>
    </row>
    <row r="157" spans="1:5" ht="18.5" customHeight="1" x14ac:dyDescent="0.2">
      <c r="A157" s="15" t="s">
        <v>252</v>
      </c>
      <c r="B157" s="15"/>
      <c r="C157" s="15"/>
      <c r="D157" s="7"/>
      <c r="E157" s="15"/>
    </row>
    <row r="158" spans="1:5" ht="18.5" customHeight="1" x14ac:dyDescent="0.2">
      <c r="A158" s="78" t="s">
        <v>4</v>
      </c>
      <c r="B158" s="78" t="s">
        <v>187</v>
      </c>
      <c r="C158" s="67" t="s">
        <v>5</v>
      </c>
      <c r="D158" s="68"/>
      <c r="E158" s="15"/>
    </row>
    <row r="159" spans="1:5" ht="18.5" customHeight="1" x14ac:dyDescent="0.2">
      <c r="A159" s="79"/>
      <c r="B159" s="79"/>
      <c r="C159" s="69"/>
      <c r="D159" s="70"/>
      <c r="E159" s="15"/>
    </row>
    <row r="160" spans="1:5" ht="18.5" customHeight="1" x14ac:dyDescent="0.2">
      <c r="A160" s="26" t="s">
        <v>210</v>
      </c>
      <c r="B160" s="27" t="s">
        <v>133</v>
      </c>
      <c r="C160" s="73" t="s">
        <v>259</v>
      </c>
      <c r="D160" s="74"/>
      <c r="E160" s="15"/>
    </row>
    <row r="161" spans="1:9" ht="18.5" customHeight="1" x14ac:dyDescent="0.2">
      <c r="A161" s="26" t="s">
        <v>211</v>
      </c>
      <c r="B161" s="32" t="s">
        <v>137</v>
      </c>
      <c r="C161" s="73" t="s">
        <v>255</v>
      </c>
      <c r="D161" s="74"/>
      <c r="E161" s="15"/>
      <c r="I161" s="2"/>
    </row>
    <row r="162" spans="1:9" ht="18.5" customHeight="1" x14ac:dyDescent="0.2">
      <c r="A162" s="27" t="s">
        <v>28</v>
      </c>
      <c r="B162" s="32" t="s">
        <v>133</v>
      </c>
      <c r="C162" s="73" t="s">
        <v>255</v>
      </c>
      <c r="D162" s="74"/>
      <c r="E162" s="15"/>
      <c r="I162" s="2"/>
    </row>
    <row r="163" spans="1:9" ht="18.5" customHeight="1" thickBot="1" x14ac:dyDescent="0.25">
      <c r="A163" s="27" t="s">
        <v>212</v>
      </c>
      <c r="B163" s="32" t="s">
        <v>133</v>
      </c>
      <c r="C163" s="98" t="s">
        <v>255</v>
      </c>
      <c r="D163" s="99"/>
      <c r="E163" s="15"/>
    </row>
    <row r="164" spans="1:9" ht="18.5" customHeight="1" thickTop="1" x14ac:dyDescent="0.2">
      <c r="A164" s="89" t="s">
        <v>4</v>
      </c>
      <c r="B164" s="89" t="s">
        <v>187</v>
      </c>
      <c r="C164" s="71" t="s">
        <v>127</v>
      </c>
      <c r="D164" s="72"/>
      <c r="E164" s="15"/>
    </row>
    <row r="165" spans="1:9" ht="18.5" customHeight="1" x14ac:dyDescent="0.2">
      <c r="A165" s="79"/>
      <c r="B165" s="79"/>
      <c r="C165" s="69"/>
      <c r="D165" s="70"/>
      <c r="E165" s="15"/>
    </row>
    <row r="166" spans="1:9" ht="18.5" customHeight="1" x14ac:dyDescent="0.2">
      <c r="A166" s="27" t="s">
        <v>129</v>
      </c>
      <c r="B166" s="51" t="s">
        <v>213</v>
      </c>
      <c r="C166" s="91" t="s">
        <v>258</v>
      </c>
      <c r="D166" s="92"/>
      <c r="E166" s="15"/>
    </row>
    <row r="167" spans="1:9" ht="18.5" customHeight="1" x14ac:dyDescent="0.2">
      <c r="A167" s="82" t="s">
        <v>214</v>
      </c>
      <c r="B167" s="49" t="s">
        <v>215</v>
      </c>
      <c r="C167" s="96" t="s">
        <v>257</v>
      </c>
      <c r="D167" s="97"/>
      <c r="E167" s="15"/>
    </row>
    <row r="168" spans="1:9" ht="37.5" customHeight="1" x14ac:dyDescent="0.2">
      <c r="A168" s="84"/>
      <c r="B168" s="65" t="s">
        <v>216</v>
      </c>
      <c r="C168" s="75" t="s">
        <v>258</v>
      </c>
      <c r="D168" s="76"/>
      <c r="E168" s="15"/>
    </row>
    <row r="169" spans="1:9" ht="18.5" customHeight="1" x14ac:dyDescent="0.2">
      <c r="A169" s="27" t="s">
        <v>217</v>
      </c>
      <c r="B169" s="27" t="s">
        <v>195</v>
      </c>
      <c r="C169" s="73" t="s">
        <v>257</v>
      </c>
      <c r="D169" s="74"/>
      <c r="E169" s="15"/>
    </row>
    <row r="170" spans="1:9" ht="18.5" customHeight="1" x14ac:dyDescent="0.2">
      <c r="D170" s="2"/>
      <c r="E170" s="15"/>
    </row>
    <row r="171" spans="1:9" ht="18.5" customHeight="1" x14ac:dyDescent="0.2">
      <c r="D171" s="2"/>
      <c r="E171" s="15"/>
    </row>
    <row r="172" spans="1:9" ht="33.75" customHeight="1" x14ac:dyDescent="0.2">
      <c r="D172" s="2"/>
      <c r="E172" s="15"/>
    </row>
    <row r="173" spans="1:9" ht="26.4" customHeight="1" x14ac:dyDescent="0.2">
      <c r="D173" s="2"/>
      <c r="E173" s="15"/>
    </row>
    <row r="174" spans="1:9" ht="18.75" customHeight="1" x14ac:dyDescent="0.2">
      <c r="D174" s="2"/>
      <c r="E174" s="15"/>
    </row>
    <row r="175" spans="1:9" ht="18.75" customHeight="1" x14ac:dyDescent="0.2">
      <c r="D175" s="2"/>
      <c r="E175" s="15"/>
    </row>
    <row r="176" spans="1:9" ht="18.75" customHeight="1" x14ac:dyDescent="0.2">
      <c r="D176" s="2"/>
    </row>
    <row r="177" spans="4:6" ht="18.75" customHeight="1" x14ac:dyDescent="0.2">
      <c r="D177" s="2"/>
    </row>
    <row r="178" spans="4:6" ht="18.75" customHeight="1" x14ac:dyDescent="0.2">
      <c r="D178" s="2"/>
    </row>
    <row r="179" spans="4:6" ht="18.75" customHeight="1" x14ac:dyDescent="0.2">
      <c r="D179" s="2"/>
    </row>
    <row r="180" spans="4:6" ht="18.75" customHeight="1" x14ac:dyDescent="0.2">
      <c r="D180" s="2"/>
    </row>
    <row r="181" spans="4:6" ht="18.75" customHeight="1" x14ac:dyDescent="0.2">
      <c r="D181" s="2"/>
    </row>
    <row r="182" spans="4:6" ht="18.75" customHeight="1" x14ac:dyDescent="0.2"/>
    <row r="183" spans="4:6" ht="18.75" customHeight="1" x14ac:dyDescent="0.2">
      <c r="F183" s="3"/>
    </row>
    <row r="184" spans="4:6" ht="18.75" customHeight="1" x14ac:dyDescent="0.2"/>
    <row r="185" spans="4:6" ht="18" customHeight="1" x14ac:dyDescent="0.2"/>
    <row r="186" spans="4:6" ht="17.149999999999999" customHeight="1" x14ac:dyDescent="0.2"/>
    <row r="187" spans="4:6" ht="17.149999999999999" customHeight="1" x14ac:dyDescent="0.2"/>
    <row r="188" spans="4:6" ht="17.149999999999999" customHeight="1" x14ac:dyDescent="0.2"/>
    <row r="189" spans="4:6" ht="17.149999999999999" customHeight="1" x14ac:dyDescent="0.2"/>
    <row r="190" spans="4:6" ht="17.149999999999999" customHeight="1" x14ac:dyDescent="0.2"/>
    <row r="191" spans="4:6" ht="17.149999999999999" customHeight="1" x14ac:dyDescent="0.2"/>
    <row r="192" spans="4:6" ht="17.149999999999999" customHeight="1" x14ac:dyDescent="0.2"/>
    <row r="193" ht="17.149999999999999" customHeight="1" x14ac:dyDescent="0.2"/>
    <row r="194" ht="17.149999999999999" customHeight="1" x14ac:dyDescent="0.2"/>
    <row r="195" ht="17.149999999999999" customHeight="1" x14ac:dyDescent="0.2"/>
    <row r="196" ht="17.149999999999999" customHeight="1" x14ac:dyDescent="0.2"/>
    <row r="197" ht="17.149999999999999" customHeight="1" x14ac:dyDescent="0.2"/>
    <row r="198" ht="17.149999999999999" customHeight="1" x14ac:dyDescent="0.2"/>
    <row r="199" ht="17.149999999999999" customHeight="1" x14ac:dyDescent="0.2"/>
    <row r="200" ht="17.149999999999999" customHeight="1" x14ac:dyDescent="0.2"/>
    <row r="201" ht="17.149999999999999" customHeight="1" x14ac:dyDescent="0.2"/>
    <row r="202" ht="17.149999999999999" customHeight="1" x14ac:dyDescent="0.2"/>
    <row r="203" ht="17.149999999999999" customHeight="1" x14ac:dyDescent="0.2"/>
    <row r="204" ht="17.149999999999999" customHeight="1" x14ac:dyDescent="0.2"/>
    <row r="205" ht="17.149999999999999" customHeight="1" x14ac:dyDescent="0.2"/>
    <row r="206" ht="17.149999999999999" customHeight="1" x14ac:dyDescent="0.2"/>
    <row r="207" ht="17.149999999999999" customHeight="1" x14ac:dyDescent="0.2"/>
    <row r="208" ht="17.149999999999999" customHeight="1" x14ac:dyDescent="0.2"/>
    <row r="209" ht="17.149999999999999" customHeight="1" x14ac:dyDescent="0.2"/>
    <row r="210" ht="17.149999999999999" customHeight="1" x14ac:dyDescent="0.2"/>
    <row r="211" ht="17.149999999999999" customHeight="1" x14ac:dyDescent="0.2"/>
    <row r="212" ht="17.149999999999999" customHeight="1" x14ac:dyDescent="0.2"/>
    <row r="213" ht="17.149999999999999" customHeight="1" x14ac:dyDescent="0.2"/>
    <row r="214" ht="17.149999999999999" customHeight="1" x14ac:dyDescent="0.2"/>
    <row r="215" ht="17.149999999999999" customHeight="1" x14ac:dyDescent="0.2"/>
    <row r="216" ht="17.149999999999999" customHeight="1" x14ac:dyDescent="0.2"/>
    <row r="217" ht="17.149999999999999" customHeight="1" x14ac:dyDescent="0.2"/>
    <row r="218" ht="17.149999999999999" customHeight="1" x14ac:dyDescent="0.2"/>
    <row r="219" ht="17.149999999999999" customHeight="1" x14ac:dyDescent="0.2"/>
    <row r="220" ht="17.149999999999999" customHeight="1" x14ac:dyDescent="0.2"/>
    <row r="221" ht="17.149999999999999" customHeight="1" x14ac:dyDescent="0.2"/>
    <row r="222" ht="17.149999999999999" customHeight="1" x14ac:dyDescent="0.2"/>
    <row r="223" ht="17.149999999999999" customHeight="1" x14ac:dyDescent="0.2"/>
    <row r="224" ht="17.149999999999999" customHeight="1" x14ac:dyDescent="0.2"/>
    <row r="225" ht="17.149999999999999" customHeight="1" x14ac:dyDescent="0.2"/>
    <row r="226" ht="17.149999999999999" customHeight="1" x14ac:dyDescent="0.2"/>
    <row r="227" ht="17.149999999999999" customHeight="1" x14ac:dyDescent="0.2"/>
    <row r="228" ht="17.149999999999999" customHeight="1" x14ac:dyDescent="0.2"/>
    <row r="229" ht="17.149999999999999" customHeight="1" x14ac:dyDescent="0.2"/>
    <row r="230" ht="17.149999999999999" customHeight="1" x14ac:dyDescent="0.2"/>
    <row r="231" ht="17.149999999999999" customHeight="1" x14ac:dyDescent="0.2"/>
    <row r="232" ht="17.149999999999999" customHeight="1" x14ac:dyDescent="0.2"/>
    <row r="233" ht="17.149999999999999" customHeight="1" x14ac:dyDescent="0.2"/>
    <row r="234" ht="17.149999999999999" customHeight="1" x14ac:dyDescent="0.2"/>
    <row r="235" ht="17.149999999999999" customHeight="1" x14ac:dyDescent="0.2"/>
    <row r="236" ht="17.149999999999999" customHeight="1" x14ac:dyDescent="0.2"/>
    <row r="237" ht="17.149999999999999" customHeight="1" x14ac:dyDescent="0.2"/>
    <row r="238" ht="17.149999999999999" customHeight="1" x14ac:dyDescent="0.2"/>
    <row r="239" ht="17.149999999999999" customHeight="1" x14ac:dyDescent="0.2"/>
    <row r="240" ht="17.149999999999999" customHeight="1" x14ac:dyDescent="0.2"/>
    <row r="241" ht="17.149999999999999" customHeight="1" x14ac:dyDescent="0.2"/>
    <row r="242" ht="17.149999999999999" customHeight="1" x14ac:dyDescent="0.2"/>
    <row r="243" ht="17.149999999999999" customHeight="1" x14ac:dyDescent="0.2"/>
    <row r="244" ht="17.149999999999999" customHeight="1" x14ac:dyDescent="0.2"/>
    <row r="245" ht="17.149999999999999" customHeight="1" x14ac:dyDescent="0.2"/>
    <row r="246" ht="17.149999999999999" customHeight="1" x14ac:dyDescent="0.2"/>
  </sheetData>
  <mergeCells count="279">
    <mergeCell ref="A167:A168"/>
    <mergeCell ref="C167:D167"/>
    <mergeCell ref="C168:D168"/>
    <mergeCell ref="C169:D169"/>
    <mergeCell ref="C160:D160"/>
    <mergeCell ref="C161:D161"/>
    <mergeCell ref="C162:D162"/>
    <mergeCell ref="C163:D163"/>
    <mergeCell ref="A164:A165"/>
    <mergeCell ref="B164:B165"/>
    <mergeCell ref="B149:B150"/>
    <mergeCell ref="H141:I141"/>
    <mergeCell ref="H143:I143"/>
    <mergeCell ref="A141:A142"/>
    <mergeCell ref="B141:B142"/>
    <mergeCell ref="A143:A144"/>
    <mergeCell ref="H142:I142"/>
    <mergeCell ref="A5:I5"/>
    <mergeCell ref="C166:D166"/>
    <mergeCell ref="A153:A154"/>
    <mergeCell ref="B153:B154"/>
    <mergeCell ref="A158:A159"/>
    <mergeCell ref="B158:B159"/>
    <mergeCell ref="A147:A148"/>
    <mergeCell ref="B147:B148"/>
    <mergeCell ref="H137:I137"/>
    <mergeCell ref="H138:I138"/>
    <mergeCell ref="A136:A137"/>
    <mergeCell ref="B136:B137"/>
    <mergeCell ref="H139:I139"/>
    <mergeCell ref="H140:I140"/>
    <mergeCell ref="H128:I128"/>
    <mergeCell ref="H129:I129"/>
    <mergeCell ref="H130:I130"/>
    <mergeCell ref="A131:A132"/>
    <mergeCell ref="B131:B132"/>
    <mergeCell ref="H133:I133"/>
    <mergeCell ref="F134:F135"/>
    <mergeCell ref="G134:G135"/>
    <mergeCell ref="H131:I131"/>
    <mergeCell ref="H132:I132"/>
    <mergeCell ref="H136:I136"/>
    <mergeCell ref="A126:A127"/>
    <mergeCell ref="B126:B127"/>
    <mergeCell ref="F126:F127"/>
    <mergeCell ref="G126:G127"/>
    <mergeCell ref="B122:B123"/>
    <mergeCell ref="G101:G102"/>
    <mergeCell ref="F75:F76"/>
    <mergeCell ref="G75:G76"/>
    <mergeCell ref="A120:A121"/>
    <mergeCell ref="B120:B121"/>
    <mergeCell ref="F119:F120"/>
    <mergeCell ref="G119:G120"/>
    <mergeCell ref="A103:A104"/>
    <mergeCell ref="B103:B104"/>
    <mergeCell ref="F111:F112"/>
    <mergeCell ref="G111:G112"/>
    <mergeCell ref="A112:A113"/>
    <mergeCell ref="B112:B113"/>
    <mergeCell ref="C79:D79"/>
    <mergeCell ref="C80:D80"/>
    <mergeCell ref="C81:D81"/>
    <mergeCell ref="C82:D82"/>
    <mergeCell ref="C83:D83"/>
    <mergeCell ref="C84:D84"/>
    <mergeCell ref="F83:F84"/>
    <mergeCell ref="A76:A77"/>
    <mergeCell ref="B76:B77"/>
    <mergeCell ref="F101:F102"/>
    <mergeCell ref="C19:D19"/>
    <mergeCell ref="C20:D20"/>
    <mergeCell ref="C21:D21"/>
    <mergeCell ref="G8:I8"/>
    <mergeCell ref="A10:A11"/>
    <mergeCell ref="B10:B11"/>
    <mergeCell ref="F10:F11"/>
    <mergeCell ref="G10:G11"/>
    <mergeCell ref="F81:F82"/>
    <mergeCell ref="G81:G82"/>
    <mergeCell ref="A62:A63"/>
    <mergeCell ref="B62:B63"/>
    <mergeCell ref="F70:F71"/>
    <mergeCell ref="G70:G71"/>
    <mergeCell ref="F62:F63"/>
    <mergeCell ref="G62:G63"/>
    <mergeCell ref="G64:G65"/>
    <mergeCell ref="A64:A67"/>
    <mergeCell ref="C22:D22"/>
    <mergeCell ref="C23:D23"/>
    <mergeCell ref="C24:D24"/>
    <mergeCell ref="C25:D25"/>
    <mergeCell ref="C26:D26"/>
    <mergeCell ref="C27:D27"/>
    <mergeCell ref="C144:D144"/>
    <mergeCell ref="C149:D150"/>
    <mergeCell ref="C10:D11"/>
    <mergeCell ref="H10:I11"/>
    <mergeCell ref="C62:D63"/>
    <mergeCell ref="C76:D77"/>
    <mergeCell ref="C103:D104"/>
    <mergeCell ref="C112:D113"/>
    <mergeCell ref="C120:D121"/>
    <mergeCell ref="H62:I63"/>
    <mergeCell ref="H70:I71"/>
    <mergeCell ref="H75:I76"/>
    <mergeCell ref="H81:I82"/>
    <mergeCell ref="H101:I102"/>
    <mergeCell ref="H111:I112"/>
    <mergeCell ref="H119:I120"/>
    <mergeCell ref="C12:D12"/>
    <mergeCell ref="C13:D13"/>
    <mergeCell ref="C14:D14"/>
    <mergeCell ref="C15:D15"/>
    <mergeCell ref="C16:D16"/>
    <mergeCell ref="C17:D17"/>
    <mergeCell ref="C18:D18"/>
    <mergeCell ref="H113:I113"/>
    <mergeCell ref="C28:D28"/>
    <mergeCell ref="C29:D29"/>
    <mergeCell ref="C30:D30"/>
    <mergeCell ref="C31:D31"/>
    <mergeCell ref="C32:D32"/>
    <mergeCell ref="C33:D33"/>
    <mergeCell ref="C34:D34"/>
    <mergeCell ref="C35:D35"/>
    <mergeCell ref="C36:D36"/>
    <mergeCell ref="H30:I30"/>
    <mergeCell ref="H31:I31"/>
    <mergeCell ref="H32:I32"/>
    <mergeCell ref="C46:D46"/>
    <mergeCell ref="C47:D47"/>
    <mergeCell ref="C48:D48"/>
    <mergeCell ref="C49:D49"/>
    <mergeCell ref="C50:D50"/>
    <mergeCell ref="C51:D51"/>
    <mergeCell ref="C37:D37"/>
    <mergeCell ref="C38:D38"/>
    <mergeCell ref="C39:D39"/>
    <mergeCell ref="C40:D40"/>
    <mergeCell ref="C41:D41"/>
    <mergeCell ref="C42:D42"/>
    <mergeCell ref="C43:D43"/>
    <mergeCell ref="C44:D44"/>
    <mergeCell ref="C45:D45"/>
    <mergeCell ref="H33:I33"/>
    <mergeCell ref="H34:I34"/>
    <mergeCell ref="H35:I35"/>
    <mergeCell ref="H36:I36"/>
    <mergeCell ref="H37:I37"/>
    <mergeCell ref="H38:I38"/>
    <mergeCell ref="H21:I21"/>
    <mergeCell ref="H22:I22"/>
    <mergeCell ref="H23:I23"/>
    <mergeCell ref="H24:I24"/>
    <mergeCell ref="H25:I25"/>
    <mergeCell ref="H26:I26"/>
    <mergeCell ref="H27:I27"/>
    <mergeCell ref="H28:I28"/>
    <mergeCell ref="H29:I29"/>
    <mergeCell ref="H12:I12"/>
    <mergeCell ref="H13:I13"/>
    <mergeCell ref="H14:I14"/>
    <mergeCell ref="H15:I15"/>
    <mergeCell ref="H16:I16"/>
    <mergeCell ref="H17:I17"/>
    <mergeCell ref="H18:I18"/>
    <mergeCell ref="H19:I19"/>
    <mergeCell ref="H20:I20"/>
    <mergeCell ref="H39:I39"/>
    <mergeCell ref="H40:I40"/>
    <mergeCell ref="H41:I41"/>
    <mergeCell ref="H42:I42"/>
    <mergeCell ref="H43:I43"/>
    <mergeCell ref="H44:I44"/>
    <mergeCell ref="H45:I45"/>
    <mergeCell ref="H46:I46"/>
    <mergeCell ref="H47:I47"/>
    <mergeCell ref="H48:I48"/>
    <mergeCell ref="H49:I49"/>
    <mergeCell ref="H50:I50"/>
    <mergeCell ref="H51:I51"/>
    <mergeCell ref="H52:I52"/>
    <mergeCell ref="H53:I53"/>
    <mergeCell ref="H54:I54"/>
    <mergeCell ref="H55:I55"/>
    <mergeCell ref="H56:I56"/>
    <mergeCell ref="H57:I57"/>
    <mergeCell ref="H58:I58"/>
    <mergeCell ref="C64:D64"/>
    <mergeCell ref="H64:I65"/>
    <mergeCell ref="C55:D55"/>
    <mergeCell ref="C56:D56"/>
    <mergeCell ref="C57:D57"/>
    <mergeCell ref="C52:D52"/>
    <mergeCell ref="C53:D53"/>
    <mergeCell ref="C54:D54"/>
    <mergeCell ref="C65:D65"/>
    <mergeCell ref="C91:D91"/>
    <mergeCell ref="C92:D92"/>
    <mergeCell ref="C93:D93"/>
    <mergeCell ref="C94:D94"/>
    <mergeCell ref="C95:D95"/>
    <mergeCell ref="C96:D96"/>
    <mergeCell ref="H66:I66"/>
    <mergeCell ref="H67:I67"/>
    <mergeCell ref="C78:D78"/>
    <mergeCell ref="H77:I77"/>
    <mergeCell ref="H78:I78"/>
    <mergeCell ref="C85:D85"/>
    <mergeCell ref="C86:D86"/>
    <mergeCell ref="C87:D87"/>
    <mergeCell ref="C88:D88"/>
    <mergeCell ref="C66:D66"/>
    <mergeCell ref="C67:D67"/>
    <mergeCell ref="C68:D68"/>
    <mergeCell ref="C69:D69"/>
    <mergeCell ref="C70:D70"/>
    <mergeCell ref="C71:D71"/>
    <mergeCell ref="C72:D72"/>
    <mergeCell ref="C73:D73"/>
    <mergeCell ref="C90:D90"/>
    <mergeCell ref="C97:D97"/>
    <mergeCell ref="C98:D98"/>
    <mergeCell ref="H83:I83"/>
    <mergeCell ref="H84:I84"/>
    <mergeCell ref="H72:I72"/>
    <mergeCell ref="C105:D105"/>
    <mergeCell ref="C106:D106"/>
    <mergeCell ref="C107:D107"/>
    <mergeCell ref="C108:D108"/>
    <mergeCell ref="H85:I85"/>
    <mergeCell ref="H86:I86"/>
    <mergeCell ref="H87:I87"/>
    <mergeCell ref="H88:I88"/>
    <mergeCell ref="H89:I89"/>
    <mergeCell ref="H90:I90"/>
    <mergeCell ref="H97:I97"/>
    <mergeCell ref="H98:I98"/>
    <mergeCell ref="C89:D89"/>
    <mergeCell ref="H93:I93"/>
    <mergeCell ref="H94:I94"/>
    <mergeCell ref="H95:I95"/>
    <mergeCell ref="H96:I96"/>
    <mergeCell ref="H91:I91"/>
    <mergeCell ref="H92:I92"/>
    <mergeCell ref="C109:D109"/>
    <mergeCell ref="H103:I103"/>
    <mergeCell ref="H104:I104"/>
    <mergeCell ref="H105:I105"/>
    <mergeCell ref="H106:I106"/>
    <mergeCell ref="H107:I107"/>
    <mergeCell ref="H108:I108"/>
    <mergeCell ref="C99:D99"/>
    <mergeCell ref="C100:D100"/>
    <mergeCell ref="C158:D159"/>
    <mergeCell ref="C164:D165"/>
    <mergeCell ref="C155:D155"/>
    <mergeCell ref="H114:I114"/>
    <mergeCell ref="H115:I115"/>
    <mergeCell ref="H116:I116"/>
    <mergeCell ref="C114:D114"/>
    <mergeCell ref="C115:D115"/>
    <mergeCell ref="C116:D116"/>
    <mergeCell ref="C117:D117"/>
    <mergeCell ref="C122:D123"/>
    <mergeCell ref="H121:I121"/>
    <mergeCell ref="C126:D127"/>
    <mergeCell ref="C131:D132"/>
    <mergeCell ref="C136:D137"/>
    <mergeCell ref="C141:D142"/>
    <mergeCell ref="C147:D148"/>
    <mergeCell ref="C153:D154"/>
    <mergeCell ref="H126:I127"/>
    <mergeCell ref="H134:I135"/>
    <mergeCell ref="C128:D128"/>
    <mergeCell ref="C133:D133"/>
    <mergeCell ref="C138:D138"/>
    <mergeCell ref="C143:D143"/>
  </mergeCells>
  <phoneticPr fontId="2"/>
  <printOptions horizontalCentered="1"/>
  <pageMargins left="0.23622047244094491" right="0.11811023622047245" top="0.31496062992125984" bottom="0.31496062992125984" header="0.6692913385826772" footer="0.31496062992125984"/>
  <pageSetup paperSize="9" scale="71" orientation="portrait" r:id="rId1"/>
  <headerFooter>
    <oddFooter>&amp;C&amp;P</oddFooter>
  </headerFooter>
  <rowBreaks count="2" manualBreakCount="2">
    <brk id="60" max="9" man="1"/>
    <brk id="124" max="9"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県立学校</vt:lpstr>
      <vt:lpstr>県立学校!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4-03-25T02:29:26Z</cp:lastPrinted>
  <dcterms:created xsi:type="dcterms:W3CDTF">2022-02-21T10:11:50Z</dcterms:created>
  <dcterms:modified xsi:type="dcterms:W3CDTF">2024-03-25T02:30:07Z</dcterms:modified>
</cp:coreProperties>
</file>